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codeName="ThisWorkbook" defaultThemeVersion="166925"/>
  <mc:AlternateContent xmlns:mc="http://schemas.openxmlformats.org/markup-compatibility/2006">
    <mc:Choice Requires="x15">
      <x15ac:absPath xmlns:x15ac="http://schemas.microsoft.com/office/spreadsheetml/2010/11/ac" url="C:\Users\s15351\Desktop\新規バージョン\"/>
    </mc:Choice>
  </mc:AlternateContent>
  <xr:revisionPtr revIDLastSave="0" documentId="13_ncr:1_{5709C69D-3481-4D6F-9F64-705324AC9D59}" xr6:coauthVersionLast="47" xr6:coauthVersionMax="47" xr10:uidLastSave="{00000000-0000-0000-0000-000000000000}"/>
  <bookViews>
    <workbookView xWindow="2620" yWindow="2620" windowWidth="14400" windowHeight="7270" firstSheet="1" activeTab="1" xr2:uid="{1D830A62-E398-44A8-9880-65CCB40C796D}"/>
  </bookViews>
  <sheets>
    <sheet name="付表３－２" sheetId="27" state="hidden" r:id="rId1"/>
    <sheet name="（標準様式２）苦情解決措置の概要" sheetId="57" r:id="rId2"/>
    <sheet name="記載例" sheetId="59" r:id="rId3"/>
  </sheets>
  <definedNames>
    <definedName name="_________kk29">#REF!</definedName>
    <definedName name="________kk06">#REF!</definedName>
    <definedName name="________kk29">#REF!</definedName>
    <definedName name="_______kk06">#REF!</definedName>
    <definedName name="_______kk29">#REF!</definedName>
    <definedName name="______kk06">#REF!</definedName>
    <definedName name="______kk29">#REF!</definedName>
    <definedName name="_____kk06">#REF!</definedName>
    <definedName name="_____kk29">#REF!</definedName>
    <definedName name="____kk06">#REF!</definedName>
    <definedName name="____kk29">#REF!</definedName>
    <definedName name="___kk06">#REF!</definedName>
    <definedName name="___kk29">#REF!</definedName>
    <definedName name="__kk06">#REF!</definedName>
    <definedName name="__kk29">#REF!</definedName>
    <definedName name="_kk06">#REF!</definedName>
    <definedName name="_kk29">#REF!</definedName>
    <definedName name="Avrg">#REF!</definedName>
    <definedName name="avrg1">#REF!</definedName>
    <definedName name="DaihyoFurigana">#REF!</definedName>
    <definedName name="DaihyoJyusho">#REF!</definedName>
    <definedName name="DaihyoShimei">#REF!</definedName>
    <definedName name="DaihyoShokumei">#REF!</definedName>
    <definedName name="DaihyoYubin">#REF!</definedName>
    <definedName name="houjin">#REF!</definedName>
    <definedName name="HoujinShokatsu">#REF!</definedName>
    <definedName name="HoujinSyubetsu">#REF!</definedName>
    <definedName name="HoujinSyubetu">#REF!</definedName>
    <definedName name="JigyoFax">#REF!</definedName>
    <definedName name="jigyoFurigana">#REF!</definedName>
    <definedName name="JigyoMeisyo">#REF!</definedName>
    <definedName name="JigyoShozai">#REF!</definedName>
    <definedName name="JigyoShozaiKana">#REF!</definedName>
    <definedName name="JigyosyoFurigana">#REF!</definedName>
    <definedName name="JigyosyoMei">#REF!</definedName>
    <definedName name="JigyosyoSyozai">#REF!</definedName>
    <definedName name="JigyosyoYubin">#REF!</definedName>
    <definedName name="JigyoTel">#REF!</definedName>
    <definedName name="jigyoumeishou">#REF!</definedName>
    <definedName name="JigyoYubin">#REF!</definedName>
    <definedName name="jiritu">#REF!</definedName>
    <definedName name="kanagawaken">#REF!</definedName>
    <definedName name="KanriJyusyo">#REF!</definedName>
    <definedName name="KanriJyusyoKana">#REF!</definedName>
    <definedName name="KanriShimei">#REF!</definedName>
    <definedName name="KanriYubin">#REF!</definedName>
    <definedName name="kawasaki">#REF!</definedName>
    <definedName name="KenmuJigyoMei">#REF!</definedName>
    <definedName name="KenmuJikan">#REF!</definedName>
    <definedName name="KenmuShokushu">#REF!</definedName>
    <definedName name="KenmuUmu">#REF!</definedName>
    <definedName name="KK_03">#REF!</definedName>
    <definedName name="kk_04">#REF!</definedName>
    <definedName name="KK_06">#REF!</definedName>
    <definedName name="kk_07">#REF!</definedName>
    <definedName name="‐㏍08">#REF!</definedName>
    <definedName name="KK2_3">#REF!</definedName>
    <definedName name="ｋｋｋｋ">#REF!</definedName>
    <definedName name="Roman_01">#REF!</definedName>
    <definedName name="Roman_02">#REF!</definedName>
    <definedName name="Roman_03">#REF!</definedName>
    <definedName name="Roman_04">#REF!</definedName>
    <definedName name="Roman_06">#REF!</definedName>
    <definedName name="roman_09">#REF!</definedName>
    <definedName name="roman_11">#REF!</definedName>
    <definedName name="roman11">#REF!</definedName>
    <definedName name="Roman2_1">#REF!</definedName>
    <definedName name="Roman2_3">#REF!</definedName>
    <definedName name="roman31">#REF!</definedName>
    <definedName name="roman33">#REF!</definedName>
    <definedName name="roman4_3">#REF!</definedName>
    <definedName name="roman43">#REF!</definedName>
    <definedName name="roman7_1">#REF!</definedName>
    <definedName name="roman77">#REF!</definedName>
    <definedName name="romann_12">#REF!</definedName>
    <definedName name="romann_66">#REF!</definedName>
    <definedName name="romann33">#REF!</definedName>
    <definedName name="SasekiFuri">#REF!</definedName>
    <definedName name="SasekiJyusyo">#REF!</definedName>
    <definedName name="SasekiShimei">#REF!</definedName>
    <definedName name="SasekiYubin">#REF!</definedName>
    <definedName name="serv">#REF!</definedName>
    <definedName name="serv_">#REF!</definedName>
    <definedName name="Serv_LIST">#REF!</definedName>
    <definedName name="servo1">#REF!</definedName>
    <definedName name="ShinseiFax">#REF!</definedName>
    <definedName name="ShinseiMeisyo">#REF!</definedName>
    <definedName name="ShinseiMeisyoKana">#REF!</definedName>
    <definedName name="ShinseiSyozai">#REF!</definedName>
    <definedName name="ShinseiTel">#REF!</definedName>
    <definedName name="ShinseiYubin">#REF!</definedName>
    <definedName name="siharai">#REF!</definedName>
    <definedName name="sikuchouson">#REF!</definedName>
    <definedName name="sinseisaki">#REF!</definedName>
    <definedName name="ｔａｂｉｅ＿04">#REF!</definedName>
    <definedName name="table_03">#REF!</definedName>
    <definedName name="table_06">#REF!</definedName>
    <definedName name="table2_3">#REF!</definedName>
    <definedName name="tapi2">#REF!</definedName>
    <definedName name="tebie_07">#REF!</definedName>
    <definedName name="tebie_o7">#REF!</definedName>
    <definedName name="tebie07">#REF!</definedName>
    <definedName name="tebie08">#REF!</definedName>
    <definedName name="tebie33">#REF!</definedName>
    <definedName name="tebiroo">#REF!</definedName>
    <definedName name="teble">#REF!</definedName>
    <definedName name="teble_09">#REF!</definedName>
    <definedName name="teble77">#REF!</definedName>
    <definedName name="yokohama">#REF!</definedName>
    <definedName name="あ">#REF!</definedName>
    <definedName name="アア">#REF!</definedName>
    <definedName name="こ">#REF!</definedName>
    <definedName name="看護時間">#REF!</definedName>
    <definedName name="食事">#REF!</definedName>
    <definedName name="体制等状況一覧">#REF!</definedName>
    <definedName name="町っ油">#REF!</definedName>
    <definedName name="利用日数記入例">#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36" uniqueCount="105">
  <si>
    <t>（備考）</t>
    <rPh sb="1" eb="3">
      <t>ビコウ</t>
    </rPh>
    <phoneticPr fontId="6"/>
  </si>
  <si>
    <t>その他</t>
    <rPh sb="2" eb="3">
      <t>タ</t>
    </rPh>
    <phoneticPr fontId="6"/>
  </si>
  <si>
    <t>担当者</t>
    <rPh sb="0" eb="3">
      <t>タントウシャ</t>
    </rPh>
    <phoneticPr fontId="6"/>
  </si>
  <si>
    <t>窓口（連絡先）</t>
    <rPh sb="0" eb="2">
      <t>マドグチ</t>
    </rPh>
    <rPh sb="3" eb="6">
      <t>レンラクサキ</t>
    </rPh>
    <phoneticPr fontId="6"/>
  </si>
  <si>
    <t>苦情解決の措置概要</t>
    <rPh sb="0" eb="2">
      <t>クジョウ</t>
    </rPh>
    <rPh sb="2" eb="4">
      <t>カイケツ</t>
    </rPh>
    <rPh sb="5" eb="7">
      <t>ソチ</t>
    </rPh>
    <rPh sb="7" eb="9">
      <t>ガイヨウ</t>
    </rPh>
    <phoneticPr fontId="6"/>
  </si>
  <si>
    <t>している　・　していない</t>
    <phoneticPr fontId="6"/>
  </si>
  <si>
    <t>第三者評価の実施状況</t>
    <rPh sb="0" eb="3">
      <t>ダイサンシャ</t>
    </rPh>
    <rPh sb="3" eb="5">
      <t>ヒョウカ</t>
    </rPh>
    <rPh sb="6" eb="8">
      <t>ジッシ</t>
    </rPh>
    <rPh sb="8" eb="10">
      <t>ジョウキョウ</t>
    </rPh>
    <phoneticPr fontId="6"/>
  </si>
  <si>
    <t>その他参考となる事項</t>
    <rPh sb="2" eb="3">
      <t>タ</t>
    </rPh>
    <rPh sb="3" eb="5">
      <t>サンコウ</t>
    </rPh>
    <rPh sb="8" eb="10">
      <t>ジコウ</t>
    </rPh>
    <phoneticPr fontId="6"/>
  </si>
  <si>
    <t>その他の費用</t>
    <rPh sb="2" eb="3">
      <t>タ</t>
    </rPh>
    <rPh sb="4" eb="6">
      <t>ヒヨウ</t>
    </rPh>
    <phoneticPr fontId="6"/>
  </si>
  <si>
    <t>利用料</t>
    <rPh sb="0" eb="3">
      <t>リヨウリョウ</t>
    </rPh>
    <phoneticPr fontId="6"/>
  </si>
  <si>
    <t>営業時間</t>
    <rPh sb="0" eb="2">
      <t>エイギョウ</t>
    </rPh>
    <rPh sb="2" eb="4">
      <t>ジカン</t>
    </rPh>
    <phoneticPr fontId="6"/>
  </si>
  <si>
    <t>営業日</t>
    <rPh sb="0" eb="3">
      <t>エイギョウビ</t>
    </rPh>
    <phoneticPr fontId="6"/>
  </si>
  <si>
    <t>主な掲示事項</t>
    <rPh sb="0" eb="1">
      <t>オモ</t>
    </rPh>
    <rPh sb="2" eb="4">
      <t>ケイジ</t>
    </rPh>
    <rPh sb="4" eb="6">
      <t>ジコウ</t>
    </rPh>
    <phoneticPr fontId="6"/>
  </si>
  <si>
    <t>基準上の必要人数（人）</t>
    <rPh sb="0" eb="2">
      <t>キジュン</t>
    </rPh>
    <rPh sb="2" eb="3">
      <t>ジョウ</t>
    </rPh>
    <rPh sb="4" eb="6">
      <t>ヒツヨウ</t>
    </rPh>
    <rPh sb="6" eb="8">
      <t>ニンズウ</t>
    </rPh>
    <rPh sb="9" eb="10">
      <t>ニン</t>
    </rPh>
    <phoneticPr fontId="6"/>
  </si>
  <si>
    <t>常勤換算後の人数（人）</t>
    <rPh sb="0" eb="2">
      <t>ジョウキン</t>
    </rPh>
    <rPh sb="2" eb="4">
      <t>カンザン</t>
    </rPh>
    <rPh sb="4" eb="5">
      <t>ゴ</t>
    </rPh>
    <rPh sb="6" eb="8">
      <t>ニンズウ</t>
    </rPh>
    <rPh sb="9" eb="10">
      <t>ニン</t>
    </rPh>
    <phoneticPr fontId="6"/>
  </si>
  <si>
    <t>非常勤（人）</t>
    <rPh sb="0" eb="3">
      <t>ヒジョウキン</t>
    </rPh>
    <rPh sb="4" eb="5">
      <t>ヒト</t>
    </rPh>
    <phoneticPr fontId="6"/>
  </si>
  <si>
    <t>常勤（人）</t>
    <rPh sb="0" eb="2">
      <t>ジョウキン</t>
    </rPh>
    <rPh sb="3" eb="4">
      <t>ヒト</t>
    </rPh>
    <phoneticPr fontId="6"/>
  </si>
  <si>
    <t>従業者数</t>
    <rPh sb="0" eb="2">
      <t>ジュウギョウ</t>
    </rPh>
    <rPh sb="2" eb="3">
      <t>シャ</t>
    </rPh>
    <rPh sb="3" eb="4">
      <t>カズ</t>
    </rPh>
    <phoneticPr fontId="6"/>
  </si>
  <si>
    <t>専従</t>
    <rPh sb="0" eb="2">
      <t>センジュウ</t>
    </rPh>
    <phoneticPr fontId="6"/>
  </si>
  <si>
    <t>その他の従業者</t>
    <rPh sb="2" eb="3">
      <t>タ</t>
    </rPh>
    <rPh sb="4" eb="7">
      <t>ジュウギョウシャ</t>
    </rPh>
    <phoneticPr fontId="6"/>
  </si>
  <si>
    <t>従業者の職種・員数</t>
    <rPh sb="0" eb="3">
      <t>ジュウギョウシャ</t>
    </rPh>
    <rPh sb="4" eb="6">
      <t>ショクシュ</t>
    </rPh>
    <rPh sb="7" eb="9">
      <t>インズウ</t>
    </rPh>
    <phoneticPr fontId="6"/>
  </si>
  <si>
    <t>氏　名</t>
    <rPh sb="0" eb="1">
      <t>シ</t>
    </rPh>
    <rPh sb="2" eb="3">
      <t>メイ</t>
    </rPh>
    <phoneticPr fontId="6"/>
  </si>
  <si>
    <t>（郵便番号　　　　　－　　　　　）</t>
  </si>
  <si>
    <t>住 所</t>
    <rPh sb="0" eb="1">
      <t>ジュウ</t>
    </rPh>
    <rPh sb="2" eb="3">
      <t>トコロ</t>
    </rPh>
    <phoneticPr fontId="6"/>
  </si>
  <si>
    <t>フリガナ</t>
    <phoneticPr fontId="6"/>
  </si>
  <si>
    <t>サービス</t>
    <phoneticPr fontId="6"/>
  </si>
  <si>
    <t>郡・市</t>
    <rPh sb="0" eb="1">
      <t>グン</t>
    </rPh>
    <rPh sb="2" eb="3">
      <t>シ</t>
    </rPh>
    <phoneticPr fontId="6"/>
  </si>
  <si>
    <t>県</t>
    <rPh sb="0" eb="1">
      <t>ケン</t>
    </rPh>
    <phoneticPr fontId="6"/>
  </si>
  <si>
    <t>ＦＡＸ番号</t>
    <rPh sb="3" eb="5">
      <t>バンゴウ</t>
    </rPh>
    <phoneticPr fontId="6"/>
  </si>
  <si>
    <t>電話番号</t>
    <rPh sb="0" eb="2">
      <t>デンワ</t>
    </rPh>
    <rPh sb="2" eb="4">
      <t>バンゴウ</t>
    </rPh>
    <phoneticPr fontId="6"/>
  </si>
  <si>
    <t>連 絡 先</t>
    <rPh sb="0" eb="1">
      <t>レン</t>
    </rPh>
    <rPh sb="2" eb="3">
      <t>ラク</t>
    </rPh>
    <rPh sb="4" eb="5">
      <t>サキ</t>
    </rPh>
    <phoneticPr fontId="6"/>
  </si>
  <si>
    <t>（郵便番号　　　　　－　　　　　）</t>
    <rPh sb="1" eb="3">
      <t>ユウビン</t>
    </rPh>
    <rPh sb="3" eb="5">
      <t>バンゴウ</t>
    </rPh>
    <phoneticPr fontId="6"/>
  </si>
  <si>
    <t>所在地</t>
    <rPh sb="0" eb="3">
      <t>ショザイチ</t>
    </rPh>
    <phoneticPr fontId="6"/>
  </si>
  <si>
    <t>名　　称</t>
    <rPh sb="0" eb="1">
      <t>メイ</t>
    </rPh>
    <rPh sb="3" eb="4">
      <t>ショウ</t>
    </rPh>
    <phoneticPr fontId="6"/>
  </si>
  <si>
    <t>多機能型実施の有無</t>
    <rPh sb="0" eb="3">
      <t>タキノウ</t>
    </rPh>
    <rPh sb="3" eb="4">
      <t>ガタ</t>
    </rPh>
    <rPh sb="4" eb="6">
      <t>ジッシ</t>
    </rPh>
    <rPh sb="7" eb="9">
      <t>ウム</t>
    </rPh>
    <phoneticPr fontId="6"/>
  </si>
  <si>
    <t>主な診療科名</t>
    <rPh sb="0" eb="1">
      <t>オモ</t>
    </rPh>
    <rPh sb="2" eb="5">
      <t>シンリョウカ</t>
    </rPh>
    <rPh sb="5" eb="6">
      <t>メイ</t>
    </rPh>
    <phoneticPr fontId="6"/>
  </si>
  <si>
    <t>名　称</t>
    <rPh sb="0" eb="1">
      <t>メイ</t>
    </rPh>
    <rPh sb="2" eb="3">
      <t>ショウ</t>
    </rPh>
    <phoneticPr fontId="6"/>
  </si>
  <si>
    <t>協力医療機関</t>
    <rPh sb="0" eb="2">
      <t>キョウリョク</t>
    </rPh>
    <rPh sb="2" eb="4">
      <t>イリョウ</t>
    </rPh>
    <rPh sb="4" eb="6">
      <t>キカン</t>
    </rPh>
    <phoneticPr fontId="6"/>
  </si>
  <si>
    <t>基準上の必要定員</t>
    <rPh sb="0" eb="2">
      <t>キジュン</t>
    </rPh>
    <rPh sb="2" eb="3">
      <t>ジョウ</t>
    </rPh>
    <rPh sb="4" eb="6">
      <t>ヒツヨウ</t>
    </rPh>
    <rPh sb="6" eb="8">
      <t>テイイン</t>
    </rPh>
    <phoneticPr fontId="6"/>
  </si>
  <si>
    <t>利用定員</t>
    <rPh sb="0" eb="2">
      <t>リヨウ</t>
    </rPh>
    <rPh sb="2" eb="4">
      <t>テイイン</t>
    </rPh>
    <phoneticPr fontId="6"/>
  </si>
  <si>
    <t>内部障害</t>
    <rPh sb="0" eb="2">
      <t>ナイブ</t>
    </rPh>
    <rPh sb="2" eb="4">
      <t>ショウガイ</t>
    </rPh>
    <phoneticPr fontId="6"/>
  </si>
  <si>
    <t>聴覚・言語</t>
    <rPh sb="0" eb="2">
      <t>チョウカク</t>
    </rPh>
    <rPh sb="3" eb="5">
      <t>ゲンゴ</t>
    </rPh>
    <phoneticPr fontId="6"/>
  </si>
  <si>
    <t>視覚障害</t>
    <rPh sb="0" eb="2">
      <t>シカク</t>
    </rPh>
    <rPh sb="2" eb="4">
      <t>ショウガイ</t>
    </rPh>
    <phoneticPr fontId="6"/>
  </si>
  <si>
    <t>肢体不自由</t>
    <rPh sb="0" eb="2">
      <t>シタイ</t>
    </rPh>
    <rPh sb="2" eb="5">
      <t>フジユウ</t>
    </rPh>
    <phoneticPr fontId="6"/>
  </si>
  <si>
    <t>細分無し</t>
    <rPh sb="0" eb="2">
      <t>サイブン</t>
    </rPh>
    <rPh sb="2" eb="3">
      <t>ナ</t>
    </rPh>
    <phoneticPr fontId="6"/>
  </si>
  <si>
    <t>身体障害者</t>
    <rPh sb="0" eb="2">
      <t>シンタイ</t>
    </rPh>
    <rPh sb="2" eb="4">
      <t>ショウガイ</t>
    </rPh>
    <rPh sb="4" eb="5">
      <t>シャ</t>
    </rPh>
    <phoneticPr fontId="6"/>
  </si>
  <si>
    <t>特定無し</t>
    <rPh sb="0" eb="2">
      <t>トクテイ</t>
    </rPh>
    <rPh sb="2" eb="3">
      <t>ム</t>
    </rPh>
    <phoneticPr fontId="6"/>
  </si>
  <si>
    <t>主たる対象者</t>
    <rPh sb="0" eb="1">
      <t>シュ</t>
    </rPh>
    <rPh sb="3" eb="6">
      <t>タイショウシャ</t>
    </rPh>
    <phoneticPr fontId="6"/>
  </si>
  <si>
    <t>生活支援員</t>
    <rPh sb="0" eb="2">
      <t>セイカツ</t>
    </rPh>
    <rPh sb="2" eb="5">
      <t>シエンイン</t>
    </rPh>
    <phoneticPr fontId="6"/>
  </si>
  <si>
    <t>機能訓練指導員</t>
    <rPh sb="0" eb="2">
      <t>キノウ</t>
    </rPh>
    <rPh sb="2" eb="4">
      <t>クンレン</t>
    </rPh>
    <rPh sb="4" eb="7">
      <t>シドウイン</t>
    </rPh>
    <phoneticPr fontId="6"/>
  </si>
  <si>
    <t>理学療法士</t>
    <rPh sb="0" eb="2">
      <t>リガク</t>
    </rPh>
    <rPh sb="2" eb="5">
      <t>リョウホウシ</t>
    </rPh>
    <phoneticPr fontId="6"/>
  </si>
  <si>
    <t>看護職員</t>
    <rPh sb="0" eb="2">
      <t>カンゴ</t>
    </rPh>
    <rPh sb="2" eb="4">
      <t>ショクイン</t>
    </rPh>
    <phoneticPr fontId="6"/>
  </si>
  <si>
    <t>サービス管理責任者</t>
    <rPh sb="4" eb="6">
      <t>カンリ</t>
    </rPh>
    <rPh sb="6" eb="9">
      <t>セキニンシャ</t>
    </rPh>
    <phoneticPr fontId="6"/>
  </si>
  <si>
    <t>管理責任者</t>
    <rPh sb="0" eb="2">
      <t>カンリ</t>
    </rPh>
    <rPh sb="2" eb="5">
      <t>セキニンシャ</t>
    </rPh>
    <phoneticPr fontId="6"/>
  </si>
  <si>
    <t>第　　条第　　項第　　号</t>
    <rPh sb="0" eb="1">
      <t>ダイ</t>
    </rPh>
    <rPh sb="3" eb="4">
      <t>ジョウ</t>
    </rPh>
    <rPh sb="4" eb="5">
      <t>ダイ</t>
    </rPh>
    <rPh sb="7" eb="8">
      <t>コウ</t>
    </rPh>
    <rPh sb="8" eb="9">
      <t>ダイ</t>
    </rPh>
    <rPh sb="11" eb="12">
      <t>ゴウ</t>
    </rPh>
    <phoneticPr fontId="6"/>
  </si>
  <si>
    <t>受付番号</t>
    <rPh sb="0" eb="2">
      <t>ウケツケ</t>
    </rPh>
    <rPh sb="2" eb="4">
      <t>バンゴウ</t>
    </rPh>
    <phoneticPr fontId="6"/>
  </si>
  <si>
    <t>実施主体が地方公共団体である場合は、当該事業の実施について定めてある条例等</t>
    <rPh sb="18" eb="20">
      <t>トウガイ</t>
    </rPh>
    <rPh sb="20" eb="22">
      <t>ジギョウ</t>
    </rPh>
    <rPh sb="23" eb="25">
      <t>ジッシ</t>
    </rPh>
    <rPh sb="29" eb="30">
      <t>サダ</t>
    </rPh>
    <rPh sb="34" eb="36">
      <t>ジョウレイ</t>
    </rPh>
    <rPh sb="36" eb="37">
      <t>トウ</t>
    </rPh>
    <phoneticPr fontId="6"/>
  </si>
  <si>
    <t>※兼務</t>
    <rPh sb="1" eb="3">
      <t>ケンム</t>
    </rPh>
    <phoneticPr fontId="6"/>
  </si>
  <si>
    <t>一体的に管理運営する
他の事業所</t>
    <rPh sb="0" eb="3">
      <t>イッタイテキ</t>
    </rPh>
    <rPh sb="4" eb="6">
      <t>カンリ</t>
    </rPh>
    <rPh sb="6" eb="8">
      <t>ウンエイ</t>
    </rPh>
    <rPh sb="11" eb="12">
      <t>タ</t>
    </rPh>
    <rPh sb="13" eb="16">
      <t>ジギョウショ</t>
    </rPh>
    <phoneticPr fontId="6"/>
  </si>
  <si>
    <t>添付書類</t>
    <rPh sb="0" eb="2">
      <t>テンプ</t>
    </rPh>
    <rPh sb="2" eb="4">
      <t>ショルイ</t>
    </rPh>
    <phoneticPr fontId="6"/>
  </si>
  <si>
    <t>２．記入欄が不足する場合は、適宜欄を設けて記載するか又は別葉に記載した書類を添付してください。</t>
    <rPh sb="2" eb="5">
      <t>キニュウラン</t>
    </rPh>
    <rPh sb="6" eb="8">
      <t>フソク</t>
    </rPh>
    <rPh sb="10" eb="12">
      <t>バアイ</t>
    </rPh>
    <rPh sb="14" eb="16">
      <t>テキギ</t>
    </rPh>
    <rPh sb="16" eb="17">
      <t>ラン</t>
    </rPh>
    <rPh sb="18" eb="19">
      <t>モウ</t>
    </rPh>
    <rPh sb="21" eb="23">
      <t>キサイ</t>
    </rPh>
    <rPh sb="26" eb="27">
      <t>マタ</t>
    </rPh>
    <rPh sb="28" eb="29">
      <t>ベツ</t>
    </rPh>
    <rPh sb="29" eb="30">
      <t>ハ</t>
    </rPh>
    <rPh sb="31" eb="33">
      <t>キサイ</t>
    </rPh>
    <rPh sb="35" eb="37">
      <t>ショルイ</t>
    </rPh>
    <rPh sb="38" eb="40">
      <t>テンプ</t>
    </rPh>
    <phoneticPr fontId="6"/>
  </si>
  <si>
    <t>施</t>
    <rPh sb="0" eb="1">
      <t>ホドコ</t>
    </rPh>
    <phoneticPr fontId="6"/>
  </si>
  <si>
    <t>設</t>
    <rPh sb="0" eb="1">
      <t>セツ</t>
    </rPh>
    <phoneticPr fontId="6"/>
  </si>
  <si>
    <t>医　師</t>
    <rPh sb="0" eb="1">
      <t>イ</t>
    </rPh>
    <rPh sb="2" eb="3">
      <t>シ</t>
    </rPh>
    <phoneticPr fontId="6"/>
  </si>
  <si>
    <t>作業療法士</t>
    <rPh sb="0" eb="2">
      <t>サギョウ</t>
    </rPh>
    <rPh sb="2" eb="5">
      <t>リョウホウシ</t>
    </rPh>
    <phoneticPr fontId="6"/>
  </si>
  <si>
    <t>精神保健福祉士</t>
    <rPh sb="0" eb="2">
      <t>セイシン</t>
    </rPh>
    <rPh sb="2" eb="4">
      <t>ホケン</t>
    </rPh>
    <rPh sb="4" eb="7">
      <t>フクシシ</t>
    </rPh>
    <phoneticPr fontId="6"/>
  </si>
  <si>
    <t>前年度の平均
実利用者数（人）</t>
    <phoneticPr fontId="6"/>
  </si>
  <si>
    <t>施設が申告する障害程度区分の平均値</t>
    <rPh sb="0" eb="2">
      <t>シセツ</t>
    </rPh>
    <rPh sb="3" eb="5">
      <t>シンコク</t>
    </rPh>
    <rPh sb="7" eb="9">
      <t>ショウガイ</t>
    </rPh>
    <rPh sb="9" eb="11">
      <t>テイド</t>
    </rPh>
    <rPh sb="11" eb="13">
      <t>クブン</t>
    </rPh>
    <rPh sb="14" eb="17">
      <t>ヘイキンチ</t>
    </rPh>
    <phoneticPr fontId="6"/>
  </si>
  <si>
    <t>サービス単位</t>
    <rPh sb="4" eb="6">
      <t>タンイ</t>
    </rPh>
    <phoneticPr fontId="6"/>
  </si>
  <si>
    <t>４未満</t>
    <rPh sb="1" eb="3">
      <t>ミマン</t>
    </rPh>
    <phoneticPr fontId="6"/>
  </si>
  <si>
    <t>４以上５未満</t>
    <rPh sb="1" eb="3">
      <t>イジョウ</t>
    </rPh>
    <rPh sb="4" eb="6">
      <t>ミマン</t>
    </rPh>
    <phoneticPr fontId="6"/>
  </si>
  <si>
    <t>５以上</t>
    <rPh sb="1" eb="3">
      <t>イジョウ</t>
    </rPh>
    <phoneticPr fontId="6"/>
  </si>
  <si>
    <t>サービス単位１</t>
    <rPh sb="4" eb="6">
      <t>タンイ</t>
    </rPh>
    <phoneticPr fontId="6"/>
  </si>
  <si>
    <t>サービス単位２</t>
    <rPh sb="4" eb="6">
      <t>タンイ</t>
    </rPh>
    <phoneticPr fontId="6"/>
  </si>
  <si>
    <t>サービス単位３</t>
    <rPh sb="4" eb="6">
      <t>タンイ</t>
    </rPh>
    <phoneticPr fontId="6"/>
  </si>
  <si>
    <t>単位ごとの営業日</t>
    <phoneticPr fontId="6"/>
  </si>
  <si>
    <t>単位ごとのサービス提供時間（送迎時間を除く）（①　　：　　～　　：　　②　　：　　～　　：　　）</t>
    <phoneticPr fontId="6"/>
  </si>
  <si>
    <t>知的障害者</t>
    <rPh sb="0" eb="2">
      <t>チテキ</t>
    </rPh>
    <rPh sb="2" eb="5">
      <t>ショウガイシャ</t>
    </rPh>
    <phoneticPr fontId="6"/>
  </si>
  <si>
    <t>精神障害者</t>
    <rPh sb="0" eb="2">
      <t>セイシン</t>
    </rPh>
    <rPh sb="2" eb="5">
      <t>ショウガイシャ</t>
    </rPh>
    <phoneticPr fontId="6"/>
  </si>
  <si>
    <t>難病等対象者</t>
    <rPh sb="0" eb="2">
      <t>ナンビョウ</t>
    </rPh>
    <rPh sb="2" eb="3">
      <t>トウ</t>
    </rPh>
    <rPh sb="3" eb="6">
      <t>タイショウシャ</t>
    </rPh>
    <phoneticPr fontId="6"/>
  </si>
  <si>
    <t>人（単位ごとの定員）（①　　　　　　　　②　　　　　　　　　）</t>
    <phoneticPr fontId="6"/>
  </si>
  <si>
    <t>有　　・　　無</t>
    <rPh sb="0" eb="1">
      <t>ア</t>
    </rPh>
    <rPh sb="6" eb="7">
      <t>ナ</t>
    </rPh>
    <phoneticPr fontId="6"/>
  </si>
  <si>
    <r>
      <t>別添のとおり（登記簿謄本又は条例等、事業所平面図、経歴書、運営規程、利用者からの苦情を解決するために講ずる措置の概要、勤務体制・形態一覧表、設備・備品等一覧表、協力医療機関との契約内容がわかるもの）、</t>
    </r>
    <r>
      <rPr>
        <sz val="8"/>
        <color indexed="10"/>
        <rFont val="ＭＳ Ｐゴシック"/>
        <family val="3"/>
        <charset val="128"/>
      </rPr>
      <t>事業計画書</t>
    </r>
    <rPh sb="0" eb="2">
      <t>ベッテン</t>
    </rPh>
    <rPh sb="25" eb="28">
      <t>ケイレキショ</t>
    </rPh>
    <rPh sb="34" eb="37">
      <t>リヨウシャ</t>
    </rPh>
    <rPh sb="80" eb="82">
      <t>キョウリョク</t>
    </rPh>
    <rPh sb="82" eb="84">
      <t>イリョウ</t>
    </rPh>
    <rPh sb="84" eb="86">
      <t>キカン</t>
    </rPh>
    <rPh sb="88" eb="90">
      <t>ケイヤク</t>
    </rPh>
    <rPh sb="90" eb="92">
      <t>ナイヨウ</t>
    </rPh>
    <phoneticPr fontId="6"/>
  </si>
  <si>
    <t>１．「受付番号」「基準上の必要人数」「基準上の必要値」「基準上の必要定員」欄には、記載しないでください。</t>
    <rPh sb="3" eb="5">
      <t>ウケツケ</t>
    </rPh>
    <rPh sb="5" eb="7">
      <t>バンゴウ</t>
    </rPh>
    <rPh sb="9" eb="11">
      <t>キジュン</t>
    </rPh>
    <rPh sb="11" eb="12">
      <t>ジョウ</t>
    </rPh>
    <rPh sb="13" eb="15">
      <t>ヒツヨウ</t>
    </rPh>
    <rPh sb="15" eb="17">
      <t>ニンズウ</t>
    </rPh>
    <rPh sb="19" eb="21">
      <t>キジュン</t>
    </rPh>
    <rPh sb="21" eb="22">
      <t>ジョウ</t>
    </rPh>
    <rPh sb="23" eb="25">
      <t>ヒツヨウ</t>
    </rPh>
    <rPh sb="25" eb="26">
      <t>アタイ</t>
    </rPh>
    <rPh sb="37" eb="38">
      <t>ラン</t>
    </rPh>
    <rPh sb="41" eb="43">
      <t>キサイ</t>
    </rPh>
    <phoneticPr fontId="6"/>
  </si>
  <si>
    <t>３．「看護職員」とは保健師、看護師、准看護師のことを言います。</t>
    <rPh sb="3" eb="5">
      <t>カンゴ</t>
    </rPh>
    <rPh sb="5" eb="7">
      <t>ショクイン</t>
    </rPh>
    <rPh sb="10" eb="13">
      <t>ホケンシ</t>
    </rPh>
    <rPh sb="14" eb="17">
      <t>カンゴシ</t>
    </rPh>
    <rPh sb="18" eb="22">
      <t>ジュンカンゴシ</t>
    </rPh>
    <rPh sb="26" eb="27">
      <t>イ</t>
    </rPh>
    <phoneticPr fontId="6"/>
  </si>
  <si>
    <t>４．新設の場合には、「前年度の平均利用者数」欄は推定数を記入してください。</t>
    <rPh sb="2" eb="4">
      <t>シンセツ</t>
    </rPh>
    <rPh sb="5" eb="7">
      <t>バアイ</t>
    </rPh>
    <rPh sb="11" eb="14">
      <t>ゼンネンド</t>
    </rPh>
    <rPh sb="15" eb="17">
      <t>ヘイキン</t>
    </rPh>
    <rPh sb="17" eb="20">
      <t>リヨウシャ</t>
    </rPh>
    <rPh sb="20" eb="21">
      <t>スウ</t>
    </rPh>
    <rPh sb="22" eb="23">
      <t>ラン</t>
    </rPh>
    <rPh sb="24" eb="27">
      <t>スイテイスウ</t>
    </rPh>
    <rPh sb="28" eb="30">
      <t>キニュウ</t>
    </rPh>
    <phoneticPr fontId="6"/>
  </si>
  <si>
    <t>５．「主な掲示事項」欄には、その内容を簡潔に記載してください。</t>
    <rPh sb="3" eb="4">
      <t>オモ</t>
    </rPh>
    <rPh sb="5" eb="7">
      <t>ケイジ</t>
    </rPh>
    <rPh sb="7" eb="9">
      <t>ジコウ</t>
    </rPh>
    <rPh sb="10" eb="11">
      <t>ラン</t>
    </rPh>
    <rPh sb="16" eb="18">
      <t>ナイヨウ</t>
    </rPh>
    <rPh sb="19" eb="21">
      <t>カンケツ</t>
    </rPh>
    <rPh sb="22" eb="24">
      <t>キサイ</t>
    </rPh>
    <phoneticPr fontId="6"/>
  </si>
  <si>
    <t>６．「※兼務」欄は、施設入所支援事業以外との兼務を行う職員について記載してください。</t>
    <rPh sb="4" eb="6">
      <t>ケンム</t>
    </rPh>
    <rPh sb="7" eb="8">
      <t>ラン</t>
    </rPh>
    <rPh sb="10" eb="12">
      <t>シセツ</t>
    </rPh>
    <rPh sb="12" eb="14">
      <t>ニュウショ</t>
    </rPh>
    <rPh sb="14" eb="16">
      <t>シエン</t>
    </rPh>
    <rPh sb="16" eb="18">
      <t>ジギョウ</t>
    </rPh>
    <rPh sb="18" eb="20">
      <t>イガイ</t>
    </rPh>
    <rPh sb="22" eb="24">
      <t>ケンム</t>
    </rPh>
    <rPh sb="25" eb="26">
      <t>オコナ</t>
    </rPh>
    <rPh sb="27" eb="29">
      <t>ショクイン</t>
    </rPh>
    <rPh sb="33" eb="35">
      <t>キサイ</t>
    </rPh>
    <phoneticPr fontId="6"/>
  </si>
  <si>
    <t>７．「その他の費用」欄には、入所者に直接金銭の負担を求める場合のサービス内容について記載してください。</t>
    <rPh sb="5" eb="6">
      <t>タ</t>
    </rPh>
    <rPh sb="7" eb="9">
      <t>ヒヨウ</t>
    </rPh>
    <rPh sb="10" eb="11">
      <t>ラン</t>
    </rPh>
    <rPh sb="14" eb="17">
      <t>ニュウショシャ</t>
    </rPh>
    <rPh sb="18" eb="20">
      <t>チョクセツ</t>
    </rPh>
    <rPh sb="20" eb="22">
      <t>キンセン</t>
    </rPh>
    <rPh sb="23" eb="25">
      <t>フタン</t>
    </rPh>
    <rPh sb="26" eb="27">
      <t>モト</t>
    </rPh>
    <rPh sb="29" eb="31">
      <t>バアイ</t>
    </rPh>
    <rPh sb="36" eb="38">
      <t>ナイヨウ</t>
    </rPh>
    <rPh sb="42" eb="44">
      <t>キサイ</t>
    </rPh>
    <phoneticPr fontId="6"/>
  </si>
  <si>
    <t>付表３－２　一体的に実施する従たる事業所の指定に係る記載事項</t>
    <rPh sb="0" eb="2">
      <t>フヒョウ</t>
    </rPh>
    <rPh sb="6" eb="9">
      <t>イッタイテキ</t>
    </rPh>
    <rPh sb="10" eb="12">
      <t>ジッシ</t>
    </rPh>
    <rPh sb="14" eb="15">
      <t>ジュウ</t>
    </rPh>
    <rPh sb="17" eb="20">
      <t>ジギョウショ</t>
    </rPh>
    <rPh sb="21" eb="23">
      <t>シテイ</t>
    </rPh>
    <rPh sb="24" eb="25">
      <t>カカ</t>
    </rPh>
    <rPh sb="26" eb="28">
      <t>キサイ</t>
    </rPh>
    <rPh sb="28" eb="30">
      <t>ジコウ</t>
    </rPh>
    <phoneticPr fontId="6"/>
  </si>
  <si>
    <t>※多機能型事業実施時は、各事業の付表と付表１３を併せて提出してください。</t>
    <rPh sb="1" eb="4">
      <t>タキノウ</t>
    </rPh>
    <rPh sb="4" eb="5">
      <t>ガタ</t>
    </rPh>
    <rPh sb="5" eb="7">
      <t>ジギョウ</t>
    </rPh>
    <rPh sb="7" eb="10">
      <t>ジッシジ</t>
    </rPh>
    <rPh sb="12" eb="15">
      <t>カクジギョウ</t>
    </rPh>
    <rPh sb="16" eb="18">
      <t>フヒョウ</t>
    </rPh>
    <rPh sb="19" eb="21">
      <t>フヒョウ</t>
    </rPh>
    <rPh sb="24" eb="25">
      <t>アワ</t>
    </rPh>
    <rPh sb="27" eb="29">
      <t>テイシュツ</t>
    </rPh>
    <phoneticPr fontId="6"/>
  </si>
  <si>
    <t>事業所名</t>
    <rPh sb="0" eb="3">
      <t>ジギョウショ</t>
    </rPh>
    <rPh sb="3" eb="4">
      <t>メイ</t>
    </rPh>
    <phoneticPr fontId="6"/>
  </si>
  <si>
    <t>措　置　の　概　要</t>
    <rPh sb="0" eb="1">
      <t>ソ</t>
    </rPh>
    <rPh sb="2" eb="3">
      <t>チ</t>
    </rPh>
    <rPh sb="6" eb="7">
      <t>オオムネ</t>
    </rPh>
    <rPh sb="8" eb="9">
      <t>ヨウ</t>
    </rPh>
    <phoneticPr fontId="6"/>
  </si>
  <si>
    <t>２　円滑かつ迅速に苦情を解決するための処理体制・手順</t>
    <rPh sb="2" eb="4">
      <t>エンカツ</t>
    </rPh>
    <rPh sb="6" eb="8">
      <t>ジンソク</t>
    </rPh>
    <rPh sb="9" eb="11">
      <t>クジョウ</t>
    </rPh>
    <rPh sb="12" eb="14">
      <t>カイケツ</t>
    </rPh>
    <rPh sb="19" eb="21">
      <t>ショリ</t>
    </rPh>
    <rPh sb="21" eb="23">
      <t>タイセイ</t>
    </rPh>
    <rPh sb="24" eb="26">
      <t>テジュン</t>
    </rPh>
    <phoneticPr fontId="6"/>
  </si>
  <si>
    <t>　※具体的な対応方針</t>
    <rPh sb="2" eb="5">
      <t>グタイテキ</t>
    </rPh>
    <rPh sb="6" eb="8">
      <t>タイオウ</t>
    </rPh>
    <rPh sb="8" eb="10">
      <t>ホウシン</t>
    </rPh>
    <phoneticPr fontId="6"/>
  </si>
  <si>
    <t>３　その他参考事項</t>
    <rPh sb="4" eb="5">
      <t>タ</t>
    </rPh>
    <rPh sb="5" eb="7">
      <t>サンコウ</t>
    </rPh>
    <rPh sb="7" eb="9">
      <t>ジコウ</t>
    </rPh>
    <phoneticPr fontId="6"/>
  </si>
  <si>
    <t>指定障害福祉サービス等の種類</t>
    <rPh sb="0" eb="2">
      <t>シテイ</t>
    </rPh>
    <rPh sb="2" eb="4">
      <t>ショウガイ</t>
    </rPh>
    <rPh sb="4" eb="6">
      <t>フクシ</t>
    </rPh>
    <rPh sb="10" eb="11">
      <t>ナド</t>
    </rPh>
    <rPh sb="12" eb="14">
      <t>シュルイ</t>
    </rPh>
    <phoneticPr fontId="6"/>
  </si>
  <si>
    <t>利用者(入所者)又はその家族からの苦情を解決するために講ずる措置の概要</t>
    <rPh sb="0" eb="3">
      <t>リヨウシャ</t>
    </rPh>
    <rPh sb="4" eb="7">
      <t>ニュウショシャ</t>
    </rPh>
    <rPh sb="8" eb="9">
      <t>マタ</t>
    </rPh>
    <rPh sb="12" eb="14">
      <t>カゾク</t>
    </rPh>
    <rPh sb="17" eb="19">
      <t>クジョウ</t>
    </rPh>
    <rPh sb="20" eb="22">
      <t>カイケツ</t>
    </rPh>
    <rPh sb="27" eb="28">
      <t>コウ</t>
    </rPh>
    <rPh sb="30" eb="32">
      <t>ソチ</t>
    </rPh>
    <rPh sb="33" eb="35">
      <t>ガイヨウ</t>
    </rPh>
    <phoneticPr fontId="6"/>
  </si>
  <si>
    <t>１　利用者(入所者)又はその家族からの相談又は苦情等に対応する常設の窓口(連絡先)、担当者</t>
    <rPh sb="2" eb="5">
      <t>リヨウシャ</t>
    </rPh>
    <rPh sb="6" eb="9">
      <t>ニュウショシャ</t>
    </rPh>
    <rPh sb="10" eb="11">
      <t>マタ</t>
    </rPh>
    <rPh sb="14" eb="16">
      <t>カゾク</t>
    </rPh>
    <rPh sb="19" eb="21">
      <t>ソウダン</t>
    </rPh>
    <rPh sb="21" eb="22">
      <t>マタ</t>
    </rPh>
    <rPh sb="23" eb="25">
      <t>クジョウ</t>
    </rPh>
    <rPh sb="25" eb="26">
      <t>トウ</t>
    </rPh>
    <rPh sb="27" eb="29">
      <t>タイオウ</t>
    </rPh>
    <rPh sb="31" eb="33">
      <t>ジョウセツ</t>
    </rPh>
    <rPh sb="34" eb="36">
      <t>マドグチ</t>
    </rPh>
    <rPh sb="37" eb="40">
      <t>レンラクサキ</t>
    </rPh>
    <rPh sb="42" eb="45">
      <t>タントウシャ</t>
    </rPh>
    <phoneticPr fontId="6"/>
  </si>
  <si>
    <t>◎当事業所において、処理し得ない内容についても、適切な対応方法を利用者の立場に立って検討し、対処する。</t>
    <phoneticPr fontId="3"/>
  </si>
  <si>
    <t>〇〇相談支援センター</t>
    <rPh sb="2" eb="4">
      <t>ソウダン</t>
    </rPh>
    <rPh sb="4" eb="6">
      <t>シエン</t>
    </rPh>
    <phoneticPr fontId="3"/>
  </si>
  <si>
    <t>特定相談支援・障害児相談支援</t>
    <rPh sb="7" eb="10">
      <t>ショウガイジ</t>
    </rPh>
    <rPh sb="10" eb="14">
      <t>ソウダンシエン</t>
    </rPh>
    <phoneticPr fontId="3"/>
  </si>
  <si>
    <t>◎相談、苦情に関する常設窓口として、相談担当者を設けている。また、担当者不在の場合においても、事業所の誰もが対応できるように相談苦情管理対応シートを作成し、担当者に確実に引き継ぐ体制を敷いている。常設窓口　（電話）０９８－×××－××××　（FAX）０９８－×××－××××担当者　　○○　○○　◎利用者からの苦情に適切に対処するため、当事業所関係者及び利用者以外の中立・公正な「第三者委員」を設置し、双方の間に入って助言を行い、話し合いに立ち会うなど、積極的な役割を果たしてもらっている。
第三者委員　　○○　○○　（弁護士）○○　○○　（社会福祉法人○○　監事）</t>
    <phoneticPr fontId="3"/>
  </si>
  <si>
    <t>◎苦情又は相談があった場合、利用者の状況を詳細に把握するよう、必要に応じ、状況の聞き取りのための訪問を実施し、事情の確認を行う。　
◎相談担当者は、把握した状況を管理者とともに検討し、対応を決定する。　
◎対応内容に基づき、必要に応じて関係者への連絡調整を行うとともに、利用者へは必ず対応方法を含めた結果報告を行う。（時間を要する内容もその旨を翌日までに連絡する。）</t>
    <phoneticPr fontId="3"/>
  </si>
  <si>
    <t>(標準様式２)</t>
    <rPh sb="1" eb="3">
      <t>ヒョウジュン</t>
    </rPh>
    <rPh sb="3" eb="5">
      <t>ヨウシキ</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6" formatCode="&quot;¥&quot;#,##0;[Red]&quot;¥&quot;\-#,##0"/>
  </numFmts>
  <fonts count="17" x14ac:knownFonts="1">
    <font>
      <sz val="11"/>
      <color theme="1"/>
      <name val="游ゴシック"/>
      <family val="2"/>
      <charset val="128"/>
      <scheme val="minor"/>
    </font>
    <font>
      <sz val="10"/>
      <color theme="1"/>
      <name val="ＭＳ ゴシック"/>
      <family val="3"/>
      <charset val="128"/>
    </font>
    <font>
      <sz val="10"/>
      <name val="ＭＳ ゴシック"/>
      <family val="3"/>
      <charset val="128"/>
    </font>
    <font>
      <sz val="6"/>
      <name val="游ゴシック"/>
      <family val="2"/>
      <charset val="128"/>
      <scheme val="minor"/>
    </font>
    <font>
      <sz val="11"/>
      <name val="ＭＳ Ｐゴシック"/>
      <family val="3"/>
      <charset val="128"/>
    </font>
    <font>
      <sz val="9"/>
      <name val="ＭＳ Ｐゴシック"/>
      <family val="3"/>
      <charset val="128"/>
    </font>
    <font>
      <sz val="6"/>
      <name val="ＭＳ Ｐゴシック"/>
      <family val="3"/>
      <charset val="128"/>
    </font>
    <font>
      <sz val="12"/>
      <name val="ＭＳ Ｐゴシック"/>
      <family val="3"/>
      <charset val="128"/>
    </font>
    <font>
      <sz val="8"/>
      <name val="ＭＳ Ｐゴシック"/>
      <family val="3"/>
      <charset val="128"/>
    </font>
    <font>
      <sz val="8"/>
      <color indexed="10"/>
      <name val="ＭＳ Ｐゴシック"/>
      <family val="3"/>
      <charset val="128"/>
    </font>
    <font>
      <sz val="14"/>
      <name val="ＭＳ ゴシック"/>
      <family val="3"/>
      <charset val="128"/>
    </font>
    <font>
      <sz val="11"/>
      <name val="ＭＳ ゴシック"/>
      <family val="3"/>
      <charset val="128"/>
    </font>
    <font>
      <sz val="11"/>
      <name val="HGｺﾞｼｯｸM"/>
      <family val="3"/>
      <charset val="128"/>
    </font>
    <font>
      <b/>
      <sz val="12"/>
      <name val="ＭＳ ゴシック"/>
      <family val="3"/>
      <charset val="128"/>
    </font>
    <font>
      <b/>
      <sz val="11"/>
      <name val="ＭＳ ゴシック"/>
      <family val="3"/>
      <charset val="128"/>
    </font>
    <font>
      <i/>
      <sz val="12"/>
      <color rgb="FF0000FF"/>
      <name val="ＭＳ ゴシック"/>
      <family val="3"/>
      <charset val="128"/>
    </font>
    <font>
      <i/>
      <sz val="11"/>
      <color rgb="FF0000FF"/>
      <name val="ＭＳ ゴシック"/>
      <family val="3"/>
      <charset val="128"/>
    </font>
  </fonts>
  <fills count="3">
    <fill>
      <patternFill patternType="none"/>
    </fill>
    <fill>
      <patternFill patternType="gray125"/>
    </fill>
    <fill>
      <patternFill patternType="solid">
        <fgColor indexed="22"/>
        <bgColor indexed="64"/>
      </patternFill>
    </fill>
  </fills>
  <borders count="51">
    <border>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right style="thin">
        <color indexed="64"/>
      </right>
      <top style="thin">
        <color indexed="64"/>
      </top>
      <bottom/>
      <diagonal/>
    </border>
    <border>
      <left/>
      <right/>
      <top style="thin">
        <color indexed="64"/>
      </top>
      <bottom/>
      <diagonal/>
    </border>
    <border>
      <left/>
      <right style="thin">
        <color indexed="64"/>
      </right>
      <top/>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top/>
      <bottom style="thin">
        <color indexed="64"/>
      </bottom>
      <diagonal/>
    </border>
    <border>
      <left style="medium">
        <color indexed="64"/>
      </left>
      <right/>
      <top/>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diagonal/>
    </border>
    <border>
      <left style="medium">
        <color indexed="64"/>
      </left>
      <right/>
      <top style="thin">
        <color indexed="64"/>
      </top>
      <bottom/>
      <diagonal/>
    </border>
    <border>
      <left/>
      <right style="medium">
        <color indexed="64"/>
      </right>
      <top/>
      <bottom style="thin">
        <color indexed="64"/>
      </bottom>
      <diagonal/>
    </border>
    <border>
      <left/>
      <right style="medium">
        <color indexed="64"/>
      </right>
      <top/>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style="medium">
        <color indexed="64"/>
      </left>
      <right style="thin">
        <color indexed="64"/>
      </right>
      <top/>
      <bottom style="thin">
        <color indexed="64"/>
      </bottom>
      <diagonal/>
    </border>
    <border>
      <left style="medium">
        <color indexed="64"/>
      </left>
      <right style="thin">
        <color indexed="64"/>
      </right>
      <top/>
      <bottom/>
      <diagonal/>
    </border>
    <border>
      <left/>
      <right style="medium">
        <color indexed="64"/>
      </right>
      <top/>
      <bottom style="dotted">
        <color indexed="64"/>
      </bottom>
      <diagonal/>
    </border>
    <border>
      <left/>
      <right/>
      <top/>
      <bottom style="dotted">
        <color indexed="64"/>
      </bottom>
      <diagonal/>
    </border>
    <border>
      <left style="thin">
        <color indexed="64"/>
      </left>
      <right/>
      <top/>
      <bottom style="dotted">
        <color indexed="64"/>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medium">
        <color indexed="64"/>
      </top>
      <bottom/>
      <diagonal/>
    </border>
    <border>
      <left/>
      <right/>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top/>
      <bottom style="dashed">
        <color indexed="64"/>
      </bottom>
      <diagonal/>
    </border>
    <border>
      <left style="thin">
        <color indexed="64"/>
      </left>
      <right style="thin">
        <color indexed="64"/>
      </right>
      <top/>
      <bottom style="dashed">
        <color indexed="64"/>
      </bottom>
      <diagonal/>
    </border>
    <border>
      <left/>
      <right/>
      <top style="medium">
        <color indexed="64"/>
      </top>
      <bottom/>
      <diagonal/>
    </border>
    <border>
      <left style="thin">
        <color indexed="64"/>
      </left>
      <right/>
      <top style="medium">
        <color indexed="64"/>
      </top>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style="medium">
        <color indexed="64"/>
      </top>
      <bottom/>
      <diagonal/>
    </border>
    <border>
      <left style="thin">
        <color indexed="64"/>
      </left>
      <right/>
      <top/>
      <bottom style="medium">
        <color indexed="64"/>
      </bottom>
      <diagonal/>
    </border>
    <border>
      <left/>
      <right style="medium">
        <color indexed="64"/>
      </right>
      <top/>
      <bottom style="medium">
        <color indexed="64"/>
      </bottom>
      <diagonal/>
    </border>
  </borders>
  <cellStyleXfs count="9">
    <xf numFmtId="0" fontId="0" fillId="0" borderId="0">
      <alignment vertical="center"/>
    </xf>
    <xf numFmtId="0" fontId="1" fillId="0" borderId="0">
      <alignment vertical="center"/>
    </xf>
    <xf numFmtId="0" fontId="4" fillId="0" borderId="0"/>
    <xf numFmtId="0" fontId="4" fillId="0" borderId="0">
      <alignment vertical="center"/>
    </xf>
    <xf numFmtId="0" fontId="4" fillId="0" borderId="0"/>
    <xf numFmtId="0" fontId="4" fillId="0" borderId="0">
      <alignment vertical="center"/>
    </xf>
    <xf numFmtId="0" fontId="4" fillId="0" borderId="0"/>
    <xf numFmtId="6" fontId="4" fillId="0" borderId="0" applyFont="0" applyFill="0" applyBorder="0" applyAlignment="0" applyProtection="0"/>
    <xf numFmtId="6" fontId="4" fillId="0" borderId="0" applyFont="0" applyFill="0" applyBorder="0" applyAlignment="0" applyProtection="0"/>
  </cellStyleXfs>
  <cellXfs count="198">
    <xf numFmtId="0" fontId="0" fillId="0" borderId="0" xfId="0">
      <alignment vertical="center"/>
    </xf>
    <xf numFmtId="0" fontId="4" fillId="0" borderId="0" xfId="4" applyAlignment="1">
      <alignment horizontal="left" vertical="center"/>
    </xf>
    <xf numFmtId="0" fontId="4" fillId="0" borderId="0" xfId="4" applyAlignment="1">
      <alignment horizontal="center" vertical="center"/>
    </xf>
    <xf numFmtId="0" fontId="8" fillId="0" borderId="0" xfId="4" applyFont="1" applyAlignment="1">
      <alignment horizontal="left" vertical="center" wrapText="1"/>
    </xf>
    <xf numFmtId="0" fontId="4" fillId="0" borderId="35" xfId="4" applyBorder="1" applyAlignment="1">
      <alignment horizontal="center" vertical="center" wrapText="1"/>
    </xf>
    <xf numFmtId="0" fontId="5" fillId="0" borderId="29" xfId="4" applyFont="1" applyBorder="1" applyAlignment="1">
      <alignment horizontal="center" vertical="center" wrapText="1"/>
    </xf>
    <xf numFmtId="0" fontId="5" fillId="0" borderId="14" xfId="4" applyFont="1" applyBorder="1" applyAlignment="1">
      <alignment horizontal="left" vertical="top"/>
    </xf>
    <xf numFmtId="0" fontId="4" fillId="0" borderId="8" xfId="4" applyBorder="1" applyAlignment="1">
      <alignment horizontal="left" vertical="top"/>
    </xf>
    <xf numFmtId="0" fontId="4" fillId="0" borderId="21" xfId="4" applyBorder="1" applyAlignment="1">
      <alignment horizontal="left" vertical="top"/>
    </xf>
    <xf numFmtId="0" fontId="4" fillId="0" borderId="32" xfId="4" applyBorder="1" applyAlignment="1">
      <alignment horizontal="left" vertical="top"/>
    </xf>
    <xf numFmtId="0" fontId="4" fillId="0" borderId="31" xfId="4" applyBorder="1" applyAlignment="1">
      <alignment horizontal="left" vertical="top"/>
    </xf>
    <xf numFmtId="0" fontId="5" fillId="0" borderId="31" xfId="4" applyFont="1" applyBorder="1" applyAlignment="1">
      <alignment horizontal="right" vertical="top"/>
    </xf>
    <xf numFmtId="0" fontId="5" fillId="0" borderId="31" xfId="4" applyFont="1" applyBorder="1" applyAlignment="1">
      <alignment horizontal="left" vertical="top"/>
    </xf>
    <xf numFmtId="0" fontId="4" fillId="0" borderId="30" xfId="4" applyBorder="1" applyAlignment="1">
      <alignment horizontal="left" vertical="top"/>
    </xf>
    <xf numFmtId="0" fontId="4" fillId="0" borderId="29" xfId="4" applyBorder="1" applyAlignment="1">
      <alignment horizontal="center" vertical="center" wrapText="1"/>
    </xf>
    <xf numFmtId="0" fontId="4" fillId="0" borderId="11" xfId="4" applyBorder="1" applyAlignment="1">
      <alignment horizontal="left" vertical="top"/>
    </xf>
    <xf numFmtId="0" fontId="4" fillId="0" borderId="10" xfId="4" applyBorder="1" applyAlignment="1">
      <alignment horizontal="left" vertical="top"/>
    </xf>
    <xf numFmtId="0" fontId="4" fillId="0" borderId="23" xfId="4" applyBorder="1" applyAlignment="1">
      <alignment horizontal="left" vertical="top"/>
    </xf>
    <xf numFmtId="0" fontId="4" fillId="0" borderId="28" xfId="4" applyBorder="1" applyAlignment="1">
      <alignment horizontal="center" vertical="center" wrapText="1"/>
    </xf>
    <xf numFmtId="0" fontId="5" fillId="0" borderId="27" xfId="4" applyFont="1" applyBorder="1" applyAlignment="1">
      <alignment horizontal="center" vertical="center" shrinkToFit="1"/>
    </xf>
    <xf numFmtId="0" fontId="5" fillId="0" borderId="26" xfId="4" applyFont="1" applyBorder="1" applyAlignment="1">
      <alignment horizontal="center" vertical="center" shrinkToFit="1"/>
    </xf>
    <xf numFmtId="0" fontId="5" fillId="0" borderId="25" xfId="4" applyFont="1" applyBorder="1" applyAlignment="1">
      <alignment horizontal="center" vertical="center" shrinkToFit="1"/>
    </xf>
    <xf numFmtId="0" fontId="5" fillId="0" borderId="11" xfId="4" applyFont="1" applyBorder="1" applyAlignment="1">
      <alignment horizontal="center" vertical="center"/>
    </xf>
    <xf numFmtId="0" fontId="5" fillId="0" borderId="10" xfId="4" applyFont="1" applyBorder="1" applyAlignment="1">
      <alignment horizontal="center" vertical="center"/>
    </xf>
    <xf numFmtId="0" fontId="5" fillId="0" borderId="23" xfId="4" applyFont="1" applyBorder="1" applyAlignment="1">
      <alignment horizontal="center" vertical="center"/>
    </xf>
    <xf numFmtId="0" fontId="5" fillId="0" borderId="3" xfId="4" applyFont="1" applyBorder="1" applyAlignment="1">
      <alignment horizontal="center" vertical="center"/>
    </xf>
    <xf numFmtId="0" fontId="5" fillId="0" borderId="2" xfId="4" applyFont="1" applyBorder="1" applyAlignment="1">
      <alignment horizontal="center" vertical="center"/>
    </xf>
    <xf numFmtId="0" fontId="5" fillId="0" borderId="19" xfId="4" applyFont="1" applyBorder="1" applyAlignment="1">
      <alignment horizontal="center" vertical="center"/>
    </xf>
    <xf numFmtId="0" fontId="4" fillId="0" borderId="0" xfId="4" applyAlignment="1">
      <alignment vertical="center"/>
    </xf>
    <xf numFmtId="0" fontId="7" fillId="0" borderId="0" xfId="4" applyFont="1" applyAlignment="1">
      <alignment horizontal="center" vertical="center" shrinkToFit="1"/>
    </xf>
    <xf numFmtId="0" fontId="5" fillId="0" borderId="0" xfId="4" applyFont="1" applyAlignment="1">
      <alignment horizontal="center" vertical="center"/>
    </xf>
    <xf numFmtId="0" fontId="6" fillId="0" borderId="0" xfId="4" applyFont="1" applyAlignment="1">
      <alignment horizontal="left" vertical="center"/>
    </xf>
    <xf numFmtId="0" fontId="8" fillId="0" borderId="0" xfId="4" applyFont="1" applyAlignment="1">
      <alignment horizontal="left" vertical="top"/>
    </xf>
    <xf numFmtId="0" fontId="4" fillId="0" borderId="0" xfId="4" applyAlignment="1">
      <alignment horizontal="left"/>
    </xf>
    <xf numFmtId="0" fontId="4" fillId="0" borderId="13" xfId="4" applyBorder="1" applyAlignment="1">
      <alignment horizontal="center" vertical="center"/>
    </xf>
    <xf numFmtId="0" fontId="4" fillId="0" borderId="24" xfId="4" applyBorder="1" applyAlignment="1">
      <alignment horizontal="center" vertical="center"/>
    </xf>
    <xf numFmtId="0" fontId="5" fillId="0" borderId="29" xfId="5" applyFont="1" applyBorder="1">
      <alignment vertical="center"/>
    </xf>
    <xf numFmtId="0" fontId="5" fillId="0" borderId="0" xfId="5" applyFont="1">
      <alignment vertical="center"/>
    </xf>
    <xf numFmtId="0" fontId="5" fillId="0" borderId="3" xfId="5" applyFont="1" applyBorder="1">
      <alignment vertical="center"/>
    </xf>
    <xf numFmtId="0" fontId="5" fillId="0" borderId="2" xfId="5" applyFont="1" applyBorder="1">
      <alignment vertical="center"/>
    </xf>
    <xf numFmtId="0" fontId="5" fillId="0" borderId="28" xfId="5" applyFont="1" applyBorder="1">
      <alignment vertical="center"/>
    </xf>
    <xf numFmtId="0" fontId="4" fillId="0" borderId="14" xfId="4" applyBorder="1" applyAlignment="1">
      <alignment horizontal="center" vertical="center"/>
    </xf>
    <xf numFmtId="0" fontId="4" fillId="0" borderId="8" xfId="4" applyBorder="1" applyAlignment="1">
      <alignment horizontal="center" vertical="center"/>
    </xf>
    <xf numFmtId="0" fontId="4" fillId="0" borderId="21" xfId="4" applyBorder="1" applyAlignment="1">
      <alignment horizontal="center" vertical="center"/>
    </xf>
    <xf numFmtId="0" fontId="5" fillId="0" borderId="8" xfId="3" applyFont="1" applyBorder="1" applyAlignment="1">
      <alignment horizontal="center" vertical="center"/>
    </xf>
    <xf numFmtId="0" fontId="5" fillId="0" borderId="0" xfId="3" applyFont="1" applyAlignment="1">
      <alignment horizontal="center" vertical="center"/>
    </xf>
    <xf numFmtId="0" fontId="5" fillId="0" borderId="24" xfId="3" applyFont="1" applyBorder="1" applyAlignment="1">
      <alignment horizontal="center" vertical="center"/>
    </xf>
    <xf numFmtId="0" fontId="5" fillId="0" borderId="10" xfId="3" applyFont="1" applyBorder="1" applyAlignment="1">
      <alignment horizontal="center" vertical="center"/>
    </xf>
    <xf numFmtId="0" fontId="5" fillId="0" borderId="23" xfId="3" applyFont="1" applyBorder="1" applyAlignment="1">
      <alignment horizontal="center" vertical="center"/>
    </xf>
    <xf numFmtId="0" fontId="5" fillId="0" borderId="8" xfId="4" applyFont="1" applyBorder="1" applyAlignment="1">
      <alignment horizontal="center" vertical="center"/>
    </xf>
    <xf numFmtId="0" fontId="5" fillId="0" borderId="7" xfId="4" applyFont="1" applyBorder="1" applyAlignment="1">
      <alignment horizontal="center" vertical="center"/>
    </xf>
    <xf numFmtId="0" fontId="5" fillId="0" borderId="6" xfId="4" applyFont="1" applyBorder="1" applyAlignment="1">
      <alignment horizontal="center" vertical="center" shrinkToFit="1"/>
    </xf>
    <xf numFmtId="0" fontId="5" fillId="0" borderId="4" xfId="4" applyFont="1" applyBorder="1" applyAlignment="1">
      <alignment vertical="center"/>
    </xf>
    <xf numFmtId="0" fontId="5" fillId="0" borderId="10" xfId="4" applyFont="1" applyBorder="1" applyAlignment="1">
      <alignment vertical="center"/>
    </xf>
    <xf numFmtId="0" fontId="5" fillId="0" borderId="12" xfId="4" applyFont="1" applyBorder="1" applyAlignment="1">
      <alignment vertical="center"/>
    </xf>
    <xf numFmtId="0" fontId="4" fillId="0" borderId="5" xfId="4" applyBorder="1" applyAlignment="1">
      <alignment horizontal="center" vertical="center"/>
    </xf>
    <xf numFmtId="0" fontId="4" fillId="0" borderId="4" xfId="4" applyBorder="1" applyAlignment="1">
      <alignment horizontal="center" vertical="center"/>
    </xf>
    <xf numFmtId="0" fontId="4" fillId="0" borderId="16" xfId="4" applyBorder="1" applyAlignment="1">
      <alignment horizontal="center" vertical="center"/>
    </xf>
    <xf numFmtId="0" fontId="5" fillId="0" borderId="0" xfId="4" applyFont="1" applyAlignment="1">
      <alignment horizontal="left" vertical="center"/>
    </xf>
    <xf numFmtId="0" fontId="10" fillId="0" borderId="0" xfId="6" applyFont="1"/>
    <xf numFmtId="0" fontId="12" fillId="0" borderId="0" xfId="6" applyFont="1"/>
    <xf numFmtId="0" fontId="11" fillId="0" borderId="0" xfId="6" applyFont="1"/>
    <xf numFmtId="0" fontId="11" fillId="0" borderId="2" xfId="6" applyFont="1" applyBorder="1" applyAlignment="1">
      <alignment horizontal="distributed" vertical="center" indent="1"/>
    </xf>
    <xf numFmtId="0" fontId="2" fillId="0" borderId="2" xfId="6" applyFont="1" applyBorder="1" applyAlignment="1">
      <alignment horizontal="distributed" vertical="center" indent="1"/>
    </xf>
    <xf numFmtId="0" fontId="13" fillId="0" borderId="0" xfId="6" applyFont="1" applyAlignment="1">
      <alignment horizontal="center"/>
    </xf>
    <xf numFmtId="0" fontId="13" fillId="0" borderId="2" xfId="6" applyFont="1" applyBorder="1" applyAlignment="1">
      <alignment horizontal="center"/>
    </xf>
    <xf numFmtId="0" fontId="2" fillId="0" borderId="13" xfId="6" applyFont="1" applyBorder="1"/>
    <xf numFmtId="0" fontId="11" fillId="0" borderId="9" xfId="6" applyFont="1" applyBorder="1"/>
    <xf numFmtId="0" fontId="11" fillId="0" borderId="11" xfId="6" applyFont="1" applyBorder="1"/>
    <xf numFmtId="0" fontId="11" fillId="0" borderId="12" xfId="6" applyFont="1" applyBorder="1"/>
    <xf numFmtId="0" fontId="13" fillId="0" borderId="0" xfId="6" applyFont="1" applyAlignment="1">
      <alignment horizontal="center"/>
    </xf>
    <xf numFmtId="0" fontId="15" fillId="0" borderId="2" xfId="6" applyFont="1" applyBorder="1" applyAlignment="1">
      <alignment horizontal="center"/>
    </xf>
    <xf numFmtId="0" fontId="5" fillId="0" borderId="0" xfId="4" applyFont="1" applyAlignment="1">
      <alignment horizontal="left" vertical="center"/>
    </xf>
    <xf numFmtId="0" fontId="4" fillId="0" borderId="0" xfId="4" applyAlignment="1">
      <alignment vertical="center"/>
    </xf>
    <xf numFmtId="0" fontId="4" fillId="0" borderId="0" xfId="4" applyAlignment="1">
      <alignment horizontal="center" vertical="center" shrinkToFit="1"/>
    </xf>
    <xf numFmtId="0" fontId="5" fillId="0" borderId="17" xfId="4" applyFont="1" applyBorder="1" applyAlignment="1">
      <alignment horizontal="center" vertical="center"/>
    </xf>
    <xf numFmtId="0" fontId="4" fillId="0" borderId="4" xfId="4" applyBorder="1" applyAlignment="1">
      <alignment horizontal="center" vertical="center"/>
    </xf>
    <xf numFmtId="0" fontId="4" fillId="0" borderId="3" xfId="4" applyBorder="1" applyAlignment="1">
      <alignment horizontal="center" vertical="center"/>
    </xf>
    <xf numFmtId="0" fontId="5" fillId="0" borderId="5" xfId="4" applyFont="1" applyBorder="1" applyAlignment="1">
      <alignment horizontal="center" vertical="center"/>
    </xf>
    <xf numFmtId="0" fontId="5" fillId="0" borderId="3" xfId="4" applyFont="1" applyBorder="1" applyAlignment="1">
      <alignment horizontal="center" vertical="center"/>
    </xf>
    <xf numFmtId="0" fontId="5" fillId="0" borderId="1" xfId="4" applyFont="1" applyBorder="1" applyAlignment="1">
      <alignment horizontal="center" vertical="center"/>
    </xf>
    <xf numFmtId="0" fontId="5" fillId="0" borderId="17" xfId="4" applyFont="1" applyBorder="1" applyAlignment="1">
      <alignment horizontal="left" vertical="center" wrapText="1"/>
    </xf>
    <xf numFmtId="0" fontId="4" fillId="0" borderId="4" xfId="4" applyBorder="1" applyAlignment="1">
      <alignment vertical="center"/>
    </xf>
    <xf numFmtId="0" fontId="4" fillId="0" borderId="3" xfId="4" applyBorder="1" applyAlignment="1">
      <alignment vertical="center"/>
    </xf>
    <xf numFmtId="0" fontId="5" fillId="0" borderId="4" xfId="4" applyFont="1" applyBorder="1" applyAlignment="1">
      <alignment horizontal="center" vertical="center"/>
    </xf>
    <xf numFmtId="0" fontId="4" fillId="0" borderId="16" xfId="4" applyBorder="1" applyAlignment="1">
      <alignment vertical="center"/>
    </xf>
    <xf numFmtId="0" fontId="5" fillId="0" borderId="43" xfId="4" applyFont="1" applyBorder="1" applyAlignment="1">
      <alignment horizontal="center" vertical="center"/>
    </xf>
    <xf numFmtId="0" fontId="5" fillId="0" borderId="47" xfId="4" applyFont="1" applyBorder="1" applyAlignment="1">
      <alignment horizontal="center" vertical="center"/>
    </xf>
    <xf numFmtId="0" fontId="8" fillId="0" borderId="49" xfId="4" applyFont="1" applyBorder="1" applyAlignment="1">
      <alignment horizontal="left" vertical="center" wrapText="1"/>
    </xf>
    <xf numFmtId="0" fontId="8" fillId="0" borderId="36" xfId="4" applyFont="1" applyBorder="1" applyAlignment="1">
      <alignment horizontal="left" vertical="center" wrapText="1"/>
    </xf>
    <xf numFmtId="0" fontId="4" fillId="0" borderId="36" xfId="4" applyBorder="1"/>
    <xf numFmtId="0" fontId="4" fillId="0" borderId="50" xfId="4" applyBorder="1"/>
    <xf numFmtId="0" fontId="5" fillId="0" borderId="2" xfId="4" applyFont="1" applyBorder="1" applyAlignment="1">
      <alignment horizontal="left" vertical="center"/>
    </xf>
    <xf numFmtId="0" fontId="4" fillId="0" borderId="2" xfId="4" applyBorder="1" applyAlignment="1">
      <alignment horizontal="left" vertical="center"/>
    </xf>
    <xf numFmtId="0" fontId="5" fillId="0" borderId="11" xfId="4" applyFont="1" applyBorder="1" applyAlignment="1">
      <alignment horizontal="center" vertical="center"/>
    </xf>
    <xf numFmtId="0" fontId="5" fillId="0" borderId="10" xfId="4" applyFont="1" applyBorder="1" applyAlignment="1">
      <alignment horizontal="center" vertical="center"/>
    </xf>
    <xf numFmtId="0" fontId="5" fillId="0" borderId="12" xfId="4" applyFont="1" applyBorder="1" applyAlignment="1">
      <alignment horizontal="center" vertical="center"/>
    </xf>
    <xf numFmtId="0" fontId="4" fillId="0" borderId="4" xfId="4" applyBorder="1"/>
    <xf numFmtId="0" fontId="4" fillId="0" borderId="16" xfId="4" applyBorder="1"/>
    <xf numFmtId="0" fontId="5" fillId="0" borderId="14" xfId="4" applyFont="1" applyBorder="1" applyAlignment="1">
      <alignment horizontal="center" vertical="center" shrinkToFit="1"/>
    </xf>
    <xf numFmtId="0" fontId="4" fillId="0" borderId="7" xfId="4" applyBorder="1" applyAlignment="1">
      <alignment horizontal="center" vertical="center" shrinkToFit="1"/>
    </xf>
    <xf numFmtId="0" fontId="5" fillId="0" borderId="13" xfId="4" applyFont="1" applyBorder="1" applyAlignment="1">
      <alignment horizontal="center" vertical="center"/>
    </xf>
    <xf numFmtId="0" fontId="4" fillId="0" borderId="0" xfId="4" applyAlignment="1">
      <alignment horizontal="center" vertical="center"/>
    </xf>
    <xf numFmtId="0" fontId="4" fillId="0" borderId="0" xfId="4"/>
    <xf numFmtId="0" fontId="5" fillId="0" borderId="5" xfId="4" applyFont="1" applyBorder="1" applyAlignment="1">
      <alignment horizontal="left" vertical="center"/>
    </xf>
    <xf numFmtId="0" fontId="5" fillId="0" borderId="4" xfId="4" applyFont="1" applyBorder="1" applyAlignment="1">
      <alignment horizontal="left" vertical="center"/>
    </xf>
    <xf numFmtId="0" fontId="5" fillId="0" borderId="3" xfId="4" applyFont="1" applyBorder="1" applyAlignment="1">
      <alignment horizontal="left" vertical="center"/>
    </xf>
    <xf numFmtId="0" fontId="5" fillId="0" borderId="5" xfId="3" applyFont="1" applyBorder="1" applyAlignment="1">
      <alignment horizontal="center" vertical="center"/>
    </xf>
    <xf numFmtId="0" fontId="5" fillId="0" borderId="3" xfId="3" applyFont="1" applyBorder="1" applyAlignment="1">
      <alignment horizontal="center" vertical="center"/>
    </xf>
    <xf numFmtId="0" fontId="5" fillId="0" borderId="4" xfId="3" applyFont="1" applyBorder="1" applyAlignment="1">
      <alignment horizontal="center" vertical="center"/>
    </xf>
    <xf numFmtId="0" fontId="5" fillId="0" borderId="2" xfId="3" applyFont="1" applyBorder="1" applyAlignment="1">
      <alignment horizontal="center" vertical="center"/>
    </xf>
    <xf numFmtId="0" fontId="5" fillId="2" borderId="5" xfId="4" applyFont="1" applyFill="1" applyBorder="1" applyAlignment="1">
      <alignment horizontal="center" vertical="center"/>
    </xf>
    <xf numFmtId="0" fontId="5" fillId="2" borderId="4" xfId="4" applyFont="1" applyFill="1" applyBorder="1" applyAlignment="1">
      <alignment horizontal="center" vertical="center"/>
    </xf>
    <xf numFmtId="0" fontId="5" fillId="0" borderId="37" xfId="4" applyFont="1" applyBorder="1" applyAlignment="1">
      <alignment horizontal="center" vertical="center"/>
    </xf>
    <xf numFmtId="0" fontId="5" fillId="0" borderId="2" xfId="4" applyFont="1" applyBorder="1" applyAlignment="1">
      <alignment horizontal="center" vertical="center"/>
    </xf>
    <xf numFmtId="0" fontId="5" fillId="0" borderId="2" xfId="3" applyFont="1" applyBorder="1" applyAlignment="1">
      <alignment horizontal="center" vertical="center" shrinkToFit="1"/>
    </xf>
    <xf numFmtId="0" fontId="5" fillId="0" borderId="14" xfId="4" applyFont="1" applyBorder="1" applyAlignment="1">
      <alignment horizontal="left" vertical="center"/>
    </xf>
    <xf numFmtId="0" fontId="4" fillId="0" borderId="8" xfId="4" applyBorder="1" applyAlignment="1">
      <alignment horizontal="left" vertical="center"/>
    </xf>
    <xf numFmtId="0" fontId="4" fillId="0" borderId="7" xfId="4" applyBorder="1" applyAlignment="1">
      <alignment horizontal="left" vertical="center"/>
    </xf>
    <xf numFmtId="0" fontId="4" fillId="0" borderId="13" xfId="4" applyBorder="1" applyAlignment="1">
      <alignment horizontal="left" vertical="center"/>
    </xf>
    <xf numFmtId="0" fontId="4" fillId="0" borderId="0" xfId="4" applyAlignment="1">
      <alignment horizontal="left" vertical="center"/>
    </xf>
    <xf numFmtId="0" fontId="4" fillId="0" borderId="9" xfId="4" applyBorder="1" applyAlignment="1">
      <alignment horizontal="left" vertical="center"/>
    </xf>
    <xf numFmtId="0" fontId="4" fillId="0" borderId="11" xfId="4" applyBorder="1" applyAlignment="1">
      <alignment horizontal="left" vertical="center"/>
    </xf>
    <xf numFmtId="0" fontId="4" fillId="0" borderId="10" xfId="4" applyBorder="1" applyAlignment="1">
      <alignment horizontal="left" vertical="center"/>
    </xf>
    <xf numFmtId="0" fontId="4" fillId="0" borderId="12" xfId="4" applyBorder="1" applyAlignment="1">
      <alignment horizontal="left" vertical="center"/>
    </xf>
    <xf numFmtId="0" fontId="5" fillId="0" borderId="13" xfId="3" applyFont="1" applyBorder="1" applyAlignment="1">
      <alignment horizontal="center" vertical="center"/>
    </xf>
    <xf numFmtId="0" fontId="5" fillId="0" borderId="9" xfId="3" applyFont="1" applyBorder="1" applyAlignment="1">
      <alignment horizontal="center" vertical="center"/>
    </xf>
    <xf numFmtId="0" fontId="5" fillId="0" borderId="39" xfId="3" applyFont="1" applyBorder="1" applyAlignment="1">
      <alignment horizontal="center" vertical="center"/>
    </xf>
    <xf numFmtId="0" fontId="5" fillId="0" borderId="38" xfId="3" applyFont="1" applyBorder="1" applyAlignment="1">
      <alignment horizontal="center" vertical="center"/>
    </xf>
    <xf numFmtId="0" fontId="5" fillId="0" borderId="1" xfId="3" applyFont="1" applyBorder="1" applyAlignment="1">
      <alignment horizontal="center" vertical="center"/>
    </xf>
    <xf numFmtId="0" fontId="5" fillId="0" borderId="11" xfId="3" applyFont="1" applyBorder="1" applyAlignment="1">
      <alignment horizontal="center" vertical="center"/>
    </xf>
    <xf numFmtId="0" fontId="5" fillId="0" borderId="5" xfId="5" applyFont="1" applyBorder="1" applyAlignment="1">
      <alignment horizontal="center" vertical="center"/>
    </xf>
    <xf numFmtId="0" fontId="5" fillId="0" borderId="4" xfId="5" applyFont="1" applyBorder="1" applyAlignment="1">
      <alignment horizontal="center" vertical="center"/>
    </xf>
    <xf numFmtId="0" fontId="5" fillId="0" borderId="3" xfId="5" applyFont="1" applyBorder="1" applyAlignment="1">
      <alignment horizontal="center" vertical="center"/>
    </xf>
    <xf numFmtId="0" fontId="5" fillId="0" borderId="5" xfId="4" applyFont="1" applyBorder="1" applyAlignment="1">
      <alignment horizontal="center" vertical="center" shrinkToFit="1"/>
    </xf>
    <xf numFmtId="0" fontId="5" fillId="0" borderId="4" xfId="4" applyFont="1" applyBorder="1" applyAlignment="1">
      <alignment horizontal="center" vertical="center" shrinkToFit="1"/>
    </xf>
    <xf numFmtId="0" fontId="5" fillId="0" borderId="3" xfId="4" applyFont="1" applyBorder="1" applyAlignment="1">
      <alignment horizontal="center" vertical="center" shrinkToFit="1"/>
    </xf>
    <xf numFmtId="0" fontId="5" fillId="2" borderId="14" xfId="4" applyFont="1" applyFill="1" applyBorder="1" applyAlignment="1">
      <alignment horizontal="center" vertical="center"/>
    </xf>
    <xf numFmtId="0" fontId="5" fillId="2" borderId="8" xfId="4" applyFont="1" applyFill="1" applyBorder="1" applyAlignment="1">
      <alignment horizontal="center" vertical="center"/>
    </xf>
    <xf numFmtId="0" fontId="5" fillId="2" borderId="7" xfId="4" applyFont="1" applyFill="1" applyBorder="1" applyAlignment="1">
      <alignment horizontal="center" vertical="center"/>
    </xf>
    <xf numFmtId="0" fontId="5" fillId="2" borderId="15" xfId="4" applyFont="1" applyFill="1" applyBorder="1" applyAlignment="1">
      <alignment horizontal="center" vertical="center"/>
    </xf>
    <xf numFmtId="0" fontId="5" fillId="0" borderId="14" xfId="5" applyFont="1" applyBorder="1" applyAlignment="1">
      <alignment horizontal="center" vertical="center" wrapText="1"/>
    </xf>
    <xf numFmtId="0" fontId="4" fillId="0" borderId="8" xfId="4" applyBorder="1"/>
    <xf numFmtId="0" fontId="4" fillId="0" borderId="7" xfId="4" applyBorder="1"/>
    <xf numFmtId="0" fontId="4" fillId="0" borderId="13" xfId="4" applyBorder="1"/>
    <xf numFmtId="0" fontId="4" fillId="0" borderId="9" xfId="4" applyBorder="1"/>
    <xf numFmtId="0" fontId="4" fillId="0" borderId="11" xfId="4" applyBorder="1"/>
    <xf numFmtId="0" fontId="4" fillId="0" borderId="10" xfId="4" applyBorder="1"/>
    <xf numFmtId="0" fontId="4" fillId="0" borderId="12" xfId="4" applyBorder="1"/>
    <xf numFmtId="0" fontId="4" fillId="0" borderId="16" xfId="4" applyBorder="1" applyAlignment="1">
      <alignment horizontal="center" vertical="center"/>
    </xf>
    <xf numFmtId="0" fontId="5" fillId="0" borderId="1" xfId="5" applyFont="1" applyBorder="1" applyAlignment="1">
      <alignment horizontal="center" vertical="center" wrapText="1"/>
    </xf>
    <xf numFmtId="0" fontId="5" fillId="0" borderId="42" xfId="5" applyFont="1" applyBorder="1" applyAlignment="1">
      <alignment horizontal="center" vertical="center" wrapText="1"/>
    </xf>
    <xf numFmtId="0" fontId="5" fillId="0" borderId="14" xfId="4" applyFont="1" applyBorder="1" applyAlignment="1">
      <alignment horizontal="center" vertical="center"/>
    </xf>
    <xf numFmtId="0" fontId="5" fillId="0" borderId="7" xfId="4" applyFont="1" applyBorder="1" applyAlignment="1">
      <alignment horizontal="center" vertical="center"/>
    </xf>
    <xf numFmtId="0" fontId="5" fillId="0" borderId="8" xfId="4" applyFont="1" applyBorder="1" applyAlignment="1">
      <alignment horizontal="center" vertical="center"/>
    </xf>
    <xf numFmtId="0" fontId="5" fillId="2" borderId="3" xfId="4" applyFont="1" applyFill="1" applyBorder="1" applyAlignment="1">
      <alignment horizontal="center" vertical="center"/>
    </xf>
    <xf numFmtId="0" fontId="5" fillId="2" borderId="16" xfId="4" applyFont="1" applyFill="1" applyBorder="1" applyAlignment="1">
      <alignment horizontal="center" vertical="center"/>
    </xf>
    <xf numFmtId="0" fontId="5" fillId="0" borderId="16" xfId="4" applyFont="1" applyBorder="1" applyAlignment="1">
      <alignment horizontal="center" vertical="center"/>
    </xf>
    <xf numFmtId="0" fontId="5" fillId="0" borderId="22" xfId="4" applyFont="1" applyBorder="1" applyAlignment="1">
      <alignment horizontal="center" vertical="center"/>
    </xf>
    <xf numFmtId="0" fontId="5" fillId="0" borderId="19" xfId="4" applyFont="1" applyBorder="1" applyAlignment="1">
      <alignment horizontal="center" vertical="center"/>
    </xf>
    <xf numFmtId="0" fontId="5" fillId="0" borderId="2" xfId="4" applyFont="1" applyBorder="1" applyAlignment="1">
      <alignment horizontal="center" vertical="center" shrinkToFit="1"/>
    </xf>
    <xf numFmtId="0" fontId="5" fillId="0" borderId="20" xfId="4" applyFont="1" applyBorder="1" applyAlignment="1">
      <alignment horizontal="center" vertical="center" shrinkToFit="1"/>
    </xf>
    <xf numFmtId="0" fontId="4" fillId="0" borderId="2" xfId="4" applyBorder="1" applyAlignment="1">
      <alignment horizontal="center" vertical="center"/>
    </xf>
    <xf numFmtId="0" fontId="4" fillId="0" borderId="15" xfId="4" applyBorder="1" applyAlignment="1">
      <alignment horizontal="center" vertical="center"/>
    </xf>
    <xf numFmtId="0" fontId="5" fillId="0" borderId="15" xfId="4" applyFont="1" applyBorder="1" applyAlignment="1">
      <alignment horizontal="center" vertical="center"/>
    </xf>
    <xf numFmtId="0" fontId="4" fillId="0" borderId="13" xfId="4" applyBorder="1" applyAlignment="1">
      <alignment horizontal="center" vertical="center"/>
    </xf>
    <xf numFmtId="0" fontId="4" fillId="0" borderId="24" xfId="4" applyBorder="1"/>
    <xf numFmtId="0" fontId="5" fillId="0" borderId="17" xfId="4" applyFont="1" applyBorder="1" applyAlignment="1">
      <alignment horizontal="center" vertical="center" shrinkToFit="1"/>
    </xf>
    <xf numFmtId="0" fontId="5" fillId="0" borderId="12" xfId="4" applyFont="1" applyBorder="1" applyAlignment="1">
      <alignment horizontal="center" vertical="center" shrinkToFit="1"/>
    </xf>
    <xf numFmtId="0" fontId="5" fillId="0" borderId="22" xfId="4" applyFont="1" applyBorder="1" applyAlignment="1">
      <alignment horizontal="left" vertical="center" shrinkToFit="1"/>
    </xf>
    <xf numFmtId="0" fontId="4" fillId="0" borderId="7" xfId="4" applyBorder="1" applyAlignment="1">
      <alignment horizontal="left"/>
    </xf>
    <xf numFmtId="0" fontId="5" fillId="0" borderId="9" xfId="4" applyFont="1" applyBorder="1" applyAlignment="1">
      <alignment horizontal="center" vertical="center"/>
    </xf>
    <xf numFmtId="0" fontId="8" fillId="0" borderId="13" xfId="4" applyFont="1" applyBorder="1" applyAlignment="1">
      <alignment horizontal="left" vertical="top"/>
    </xf>
    <xf numFmtId="0" fontId="8" fillId="0" borderId="0" xfId="4" applyFont="1" applyAlignment="1">
      <alignment horizontal="left" vertical="top"/>
    </xf>
    <xf numFmtId="0" fontId="5" fillId="0" borderId="18" xfId="4" applyFont="1" applyBorder="1" applyAlignment="1">
      <alignment horizontal="left" vertical="top"/>
    </xf>
    <xf numFmtId="0" fontId="5" fillId="0" borderId="12" xfId="4" applyFont="1" applyBorder="1" applyAlignment="1">
      <alignment horizontal="left" vertical="top"/>
    </xf>
    <xf numFmtId="0" fontId="4" fillId="0" borderId="10" xfId="4" applyBorder="1" applyAlignment="1">
      <alignment horizontal="center"/>
    </xf>
    <xf numFmtId="0" fontId="4" fillId="0" borderId="12" xfId="4" applyBorder="1" applyAlignment="1">
      <alignment horizontal="center"/>
    </xf>
    <xf numFmtId="0" fontId="4" fillId="0" borderId="0" xfId="4" applyAlignment="1">
      <alignment horizontal="right" vertical="center"/>
    </xf>
    <xf numFmtId="0" fontId="5" fillId="0" borderId="44" xfId="4" applyFont="1" applyBorder="1" applyAlignment="1">
      <alignment horizontal="center" vertical="center"/>
    </xf>
    <xf numFmtId="0" fontId="5" fillId="0" borderId="45" xfId="4" applyFont="1" applyBorder="1" applyAlignment="1">
      <alignment horizontal="center" vertical="center"/>
    </xf>
    <xf numFmtId="0" fontId="4" fillId="2" borderId="45" xfId="4" applyFill="1" applyBorder="1" applyAlignment="1">
      <alignment horizontal="center" vertical="center"/>
    </xf>
    <xf numFmtId="0" fontId="4" fillId="2" borderId="46" xfId="4" applyFill="1" applyBorder="1" applyAlignment="1">
      <alignment horizontal="center" vertical="center"/>
    </xf>
    <xf numFmtId="0" fontId="5" fillId="0" borderId="34" xfId="4" applyFont="1" applyBorder="1" applyAlignment="1">
      <alignment horizontal="center" vertical="center"/>
    </xf>
    <xf numFmtId="0" fontId="5" fillId="0" borderId="33" xfId="4" applyFont="1" applyBorder="1" applyAlignment="1">
      <alignment horizontal="center" vertical="center"/>
    </xf>
    <xf numFmtId="0" fontId="4" fillId="0" borderId="41" xfId="4" applyBorder="1" applyAlignment="1">
      <alignment horizontal="center" vertical="center"/>
    </xf>
    <xf numFmtId="0" fontId="4" fillId="0" borderId="40" xfId="4" applyBorder="1" applyAlignment="1">
      <alignment horizontal="center" vertical="center"/>
    </xf>
    <xf numFmtId="0" fontId="4" fillId="0" borderId="40" xfId="4" applyBorder="1"/>
    <xf numFmtId="0" fontId="4" fillId="0" borderId="48" xfId="4" applyBorder="1"/>
    <xf numFmtId="0" fontId="5" fillId="0" borderId="0" xfId="4" applyFont="1" applyAlignment="1">
      <alignment horizontal="center" vertical="center"/>
    </xf>
    <xf numFmtId="0" fontId="5" fillId="0" borderId="31" xfId="4" applyFont="1" applyBorder="1" applyAlignment="1">
      <alignment horizontal="left" vertical="top"/>
    </xf>
    <xf numFmtId="0" fontId="11" fillId="0" borderId="13" xfId="6" applyFont="1" applyBorder="1" applyAlignment="1">
      <alignment horizontal="left" vertical="top"/>
    </xf>
    <xf numFmtId="0" fontId="11" fillId="0" borderId="9" xfId="6" applyFont="1" applyBorder="1" applyAlignment="1">
      <alignment horizontal="left" vertical="top"/>
    </xf>
    <xf numFmtId="0" fontId="13" fillId="0" borderId="0" xfId="6" applyFont="1" applyAlignment="1">
      <alignment horizontal="center"/>
    </xf>
    <xf numFmtId="0" fontId="14" fillId="0" borderId="5" xfId="6" applyFont="1" applyBorder="1" applyAlignment="1">
      <alignment horizontal="center" vertical="center"/>
    </xf>
    <xf numFmtId="0" fontId="14" fillId="0" borderId="3" xfId="6" applyFont="1" applyBorder="1" applyAlignment="1">
      <alignment horizontal="center" vertical="center"/>
    </xf>
    <xf numFmtId="0" fontId="16" fillId="0" borderId="13" xfId="6" applyFont="1" applyBorder="1" applyAlignment="1">
      <alignment horizontal="left" vertical="top" wrapText="1"/>
    </xf>
    <xf numFmtId="0" fontId="16" fillId="0" borderId="9" xfId="6" applyFont="1" applyBorder="1" applyAlignment="1">
      <alignment horizontal="left" vertical="top" wrapText="1"/>
    </xf>
  </cellXfs>
  <cellStyles count="9">
    <cellStyle name="Normal 2" xfId="2" xr:uid="{436B2A24-8AFA-416F-9C4C-1666A3362B91}"/>
    <cellStyle name="通貨 2" xfId="7" xr:uid="{AB0F1C88-3834-4568-A6B6-B6BF705B9A4C}"/>
    <cellStyle name="通貨 2 2" xfId="8" xr:uid="{DC5783F6-6B6E-4322-877D-6B5B224E7024}"/>
    <cellStyle name="標準" xfId="0" builtinId="0"/>
    <cellStyle name="標準 2" xfId="1" xr:uid="{D2E9B860-FEC8-45E6-ACF7-E3608C800E36}"/>
    <cellStyle name="標準 2 2" xfId="6" xr:uid="{210C22F7-C27B-4BE5-A11B-D3206057B0C3}"/>
    <cellStyle name="標準 3" xfId="4" xr:uid="{C5557D82-D66D-467D-B3CA-14E16DB20428}"/>
    <cellStyle name="標準_⑨指定申請様式（案）（多機能用総括表）" xfId="3" xr:uid="{DF3CA8F1-1F6F-4ED5-9A91-E97ADBD999B5}"/>
    <cellStyle name="標準_事業者指定様式（多機能用総括表）作業ファイル" xfId="5" xr:uid="{E647E5B1-0B03-4A17-A884-C912BBB4467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77A16D2-FD89-4423-9546-C218DB2D58F3}">
  <sheetPr codeName="Sheet7"/>
  <dimension ref="A1:U66"/>
  <sheetViews>
    <sheetView showGridLines="0" view="pageBreakPreview" zoomScaleNormal="80" zoomScaleSheetLayoutView="100" workbookViewId="0">
      <selection activeCell="A33" sqref="A33:A49"/>
    </sheetView>
  </sheetViews>
  <sheetFormatPr defaultColWidth="4.25" defaultRowHeight="12.75" customHeight="1" x14ac:dyDescent="0.55000000000000004"/>
  <cols>
    <col min="1" max="20" width="3.83203125" style="2" customWidth="1"/>
    <col min="21" max="255" width="4.25" style="2"/>
    <col min="256" max="256" width="8.25" style="2" customWidth="1"/>
    <col min="257" max="276" width="3.83203125" style="2" customWidth="1"/>
    <col min="277" max="511" width="4.25" style="2"/>
    <col min="512" max="512" width="8.25" style="2" customWidth="1"/>
    <col min="513" max="532" width="3.83203125" style="2" customWidth="1"/>
    <col min="533" max="767" width="4.25" style="2"/>
    <col min="768" max="768" width="8.25" style="2" customWidth="1"/>
    <col min="769" max="788" width="3.83203125" style="2" customWidth="1"/>
    <col min="789" max="1023" width="4.25" style="2"/>
    <col min="1024" max="1024" width="8.25" style="2" customWidth="1"/>
    <col min="1025" max="1044" width="3.83203125" style="2" customWidth="1"/>
    <col min="1045" max="1279" width="4.25" style="2"/>
    <col min="1280" max="1280" width="8.25" style="2" customWidth="1"/>
    <col min="1281" max="1300" width="3.83203125" style="2" customWidth="1"/>
    <col min="1301" max="1535" width="4.25" style="2"/>
    <col min="1536" max="1536" width="8.25" style="2" customWidth="1"/>
    <col min="1537" max="1556" width="3.83203125" style="2" customWidth="1"/>
    <col min="1557" max="1791" width="4.25" style="2"/>
    <col min="1792" max="1792" width="8.25" style="2" customWidth="1"/>
    <col min="1793" max="1812" width="3.83203125" style="2" customWidth="1"/>
    <col min="1813" max="2047" width="4.25" style="2"/>
    <col min="2048" max="2048" width="8.25" style="2" customWidth="1"/>
    <col min="2049" max="2068" width="3.83203125" style="2" customWidth="1"/>
    <col min="2069" max="2303" width="4.25" style="2"/>
    <col min="2304" max="2304" width="8.25" style="2" customWidth="1"/>
    <col min="2305" max="2324" width="3.83203125" style="2" customWidth="1"/>
    <col min="2325" max="2559" width="4.25" style="2"/>
    <col min="2560" max="2560" width="8.25" style="2" customWidth="1"/>
    <col min="2561" max="2580" width="3.83203125" style="2" customWidth="1"/>
    <col min="2581" max="2815" width="4.25" style="2"/>
    <col min="2816" max="2816" width="8.25" style="2" customWidth="1"/>
    <col min="2817" max="2836" width="3.83203125" style="2" customWidth="1"/>
    <col min="2837" max="3071" width="4.25" style="2"/>
    <col min="3072" max="3072" width="8.25" style="2" customWidth="1"/>
    <col min="3073" max="3092" width="3.83203125" style="2" customWidth="1"/>
    <col min="3093" max="3327" width="4.25" style="2"/>
    <col min="3328" max="3328" width="8.25" style="2" customWidth="1"/>
    <col min="3329" max="3348" width="3.83203125" style="2" customWidth="1"/>
    <col min="3349" max="3583" width="4.25" style="2"/>
    <col min="3584" max="3584" width="8.25" style="2" customWidth="1"/>
    <col min="3585" max="3604" width="3.83203125" style="2" customWidth="1"/>
    <col min="3605" max="3839" width="4.25" style="2"/>
    <col min="3840" max="3840" width="8.25" style="2" customWidth="1"/>
    <col min="3841" max="3860" width="3.83203125" style="2" customWidth="1"/>
    <col min="3861" max="4095" width="4.25" style="2"/>
    <col min="4096" max="4096" width="8.25" style="2" customWidth="1"/>
    <col min="4097" max="4116" width="3.83203125" style="2" customWidth="1"/>
    <col min="4117" max="4351" width="4.25" style="2"/>
    <col min="4352" max="4352" width="8.25" style="2" customWidth="1"/>
    <col min="4353" max="4372" width="3.83203125" style="2" customWidth="1"/>
    <col min="4373" max="4607" width="4.25" style="2"/>
    <col min="4608" max="4608" width="8.25" style="2" customWidth="1"/>
    <col min="4609" max="4628" width="3.83203125" style="2" customWidth="1"/>
    <col min="4629" max="4863" width="4.25" style="2"/>
    <col min="4864" max="4864" width="8.25" style="2" customWidth="1"/>
    <col min="4865" max="4884" width="3.83203125" style="2" customWidth="1"/>
    <col min="4885" max="5119" width="4.25" style="2"/>
    <col min="5120" max="5120" width="8.25" style="2" customWidth="1"/>
    <col min="5121" max="5140" width="3.83203125" style="2" customWidth="1"/>
    <col min="5141" max="5375" width="4.25" style="2"/>
    <col min="5376" max="5376" width="8.25" style="2" customWidth="1"/>
    <col min="5377" max="5396" width="3.83203125" style="2" customWidth="1"/>
    <col min="5397" max="5631" width="4.25" style="2"/>
    <col min="5632" max="5632" width="8.25" style="2" customWidth="1"/>
    <col min="5633" max="5652" width="3.83203125" style="2" customWidth="1"/>
    <col min="5653" max="5887" width="4.25" style="2"/>
    <col min="5888" max="5888" width="8.25" style="2" customWidth="1"/>
    <col min="5889" max="5908" width="3.83203125" style="2" customWidth="1"/>
    <col min="5909" max="6143" width="4.25" style="2"/>
    <col min="6144" max="6144" width="8.25" style="2" customWidth="1"/>
    <col min="6145" max="6164" width="3.83203125" style="2" customWidth="1"/>
    <col min="6165" max="6399" width="4.25" style="2"/>
    <col min="6400" max="6400" width="8.25" style="2" customWidth="1"/>
    <col min="6401" max="6420" width="3.83203125" style="2" customWidth="1"/>
    <col min="6421" max="6655" width="4.25" style="2"/>
    <col min="6656" max="6656" width="8.25" style="2" customWidth="1"/>
    <col min="6657" max="6676" width="3.83203125" style="2" customWidth="1"/>
    <col min="6677" max="6911" width="4.25" style="2"/>
    <col min="6912" max="6912" width="8.25" style="2" customWidth="1"/>
    <col min="6913" max="6932" width="3.83203125" style="2" customWidth="1"/>
    <col min="6933" max="7167" width="4.25" style="2"/>
    <col min="7168" max="7168" width="8.25" style="2" customWidth="1"/>
    <col min="7169" max="7188" width="3.83203125" style="2" customWidth="1"/>
    <col min="7189" max="7423" width="4.25" style="2"/>
    <col min="7424" max="7424" width="8.25" style="2" customWidth="1"/>
    <col min="7425" max="7444" width="3.83203125" style="2" customWidth="1"/>
    <col min="7445" max="7679" width="4.25" style="2"/>
    <col min="7680" max="7680" width="8.25" style="2" customWidth="1"/>
    <col min="7681" max="7700" width="3.83203125" style="2" customWidth="1"/>
    <col min="7701" max="7935" width="4.25" style="2"/>
    <col min="7936" max="7936" width="8.25" style="2" customWidth="1"/>
    <col min="7937" max="7956" width="3.83203125" style="2" customWidth="1"/>
    <col min="7957" max="8191" width="4.25" style="2"/>
    <col min="8192" max="8192" width="8.25" style="2" customWidth="1"/>
    <col min="8193" max="8212" width="3.83203125" style="2" customWidth="1"/>
    <col min="8213" max="8447" width="4.25" style="2"/>
    <col min="8448" max="8448" width="8.25" style="2" customWidth="1"/>
    <col min="8449" max="8468" width="3.83203125" style="2" customWidth="1"/>
    <col min="8469" max="8703" width="4.25" style="2"/>
    <col min="8704" max="8704" width="8.25" style="2" customWidth="1"/>
    <col min="8705" max="8724" width="3.83203125" style="2" customWidth="1"/>
    <col min="8725" max="8959" width="4.25" style="2"/>
    <col min="8960" max="8960" width="8.25" style="2" customWidth="1"/>
    <col min="8961" max="8980" width="3.83203125" style="2" customWidth="1"/>
    <col min="8981" max="9215" width="4.25" style="2"/>
    <col min="9216" max="9216" width="8.25" style="2" customWidth="1"/>
    <col min="9217" max="9236" width="3.83203125" style="2" customWidth="1"/>
    <col min="9237" max="9471" width="4.25" style="2"/>
    <col min="9472" max="9472" width="8.25" style="2" customWidth="1"/>
    <col min="9473" max="9492" width="3.83203125" style="2" customWidth="1"/>
    <col min="9493" max="9727" width="4.25" style="2"/>
    <col min="9728" max="9728" width="8.25" style="2" customWidth="1"/>
    <col min="9729" max="9748" width="3.83203125" style="2" customWidth="1"/>
    <col min="9749" max="9983" width="4.25" style="2"/>
    <col min="9984" max="9984" width="8.25" style="2" customWidth="1"/>
    <col min="9985" max="10004" width="3.83203125" style="2" customWidth="1"/>
    <col min="10005" max="10239" width="4.25" style="2"/>
    <col min="10240" max="10240" width="8.25" style="2" customWidth="1"/>
    <col min="10241" max="10260" width="3.83203125" style="2" customWidth="1"/>
    <col min="10261" max="10495" width="4.25" style="2"/>
    <col min="10496" max="10496" width="8.25" style="2" customWidth="1"/>
    <col min="10497" max="10516" width="3.83203125" style="2" customWidth="1"/>
    <col min="10517" max="10751" width="4.25" style="2"/>
    <col min="10752" max="10752" width="8.25" style="2" customWidth="1"/>
    <col min="10753" max="10772" width="3.83203125" style="2" customWidth="1"/>
    <col min="10773" max="11007" width="4.25" style="2"/>
    <col min="11008" max="11008" width="8.25" style="2" customWidth="1"/>
    <col min="11009" max="11028" width="3.83203125" style="2" customWidth="1"/>
    <col min="11029" max="11263" width="4.25" style="2"/>
    <col min="11264" max="11264" width="8.25" style="2" customWidth="1"/>
    <col min="11265" max="11284" width="3.83203125" style="2" customWidth="1"/>
    <col min="11285" max="11519" width="4.25" style="2"/>
    <col min="11520" max="11520" width="8.25" style="2" customWidth="1"/>
    <col min="11521" max="11540" width="3.83203125" style="2" customWidth="1"/>
    <col min="11541" max="11775" width="4.25" style="2"/>
    <col min="11776" max="11776" width="8.25" style="2" customWidth="1"/>
    <col min="11777" max="11796" width="3.83203125" style="2" customWidth="1"/>
    <col min="11797" max="12031" width="4.25" style="2"/>
    <col min="12032" max="12032" width="8.25" style="2" customWidth="1"/>
    <col min="12033" max="12052" width="3.83203125" style="2" customWidth="1"/>
    <col min="12053" max="12287" width="4.25" style="2"/>
    <col min="12288" max="12288" width="8.25" style="2" customWidth="1"/>
    <col min="12289" max="12308" width="3.83203125" style="2" customWidth="1"/>
    <col min="12309" max="12543" width="4.25" style="2"/>
    <col min="12544" max="12544" width="8.25" style="2" customWidth="1"/>
    <col min="12545" max="12564" width="3.83203125" style="2" customWidth="1"/>
    <col min="12565" max="12799" width="4.25" style="2"/>
    <col min="12800" max="12800" width="8.25" style="2" customWidth="1"/>
    <col min="12801" max="12820" width="3.83203125" style="2" customWidth="1"/>
    <col min="12821" max="13055" width="4.25" style="2"/>
    <col min="13056" max="13056" width="8.25" style="2" customWidth="1"/>
    <col min="13057" max="13076" width="3.83203125" style="2" customWidth="1"/>
    <col min="13077" max="13311" width="4.25" style="2"/>
    <col min="13312" max="13312" width="8.25" style="2" customWidth="1"/>
    <col min="13313" max="13332" width="3.83203125" style="2" customWidth="1"/>
    <col min="13333" max="13567" width="4.25" style="2"/>
    <col min="13568" max="13568" width="8.25" style="2" customWidth="1"/>
    <col min="13569" max="13588" width="3.83203125" style="2" customWidth="1"/>
    <col min="13589" max="13823" width="4.25" style="2"/>
    <col min="13824" max="13824" width="8.25" style="2" customWidth="1"/>
    <col min="13825" max="13844" width="3.83203125" style="2" customWidth="1"/>
    <col min="13845" max="14079" width="4.25" style="2"/>
    <col min="14080" max="14080" width="8.25" style="2" customWidth="1"/>
    <col min="14081" max="14100" width="3.83203125" style="2" customWidth="1"/>
    <col min="14101" max="14335" width="4.25" style="2"/>
    <col min="14336" max="14336" width="8.25" style="2" customWidth="1"/>
    <col min="14337" max="14356" width="3.83203125" style="2" customWidth="1"/>
    <col min="14357" max="14591" width="4.25" style="2"/>
    <col min="14592" max="14592" width="8.25" style="2" customWidth="1"/>
    <col min="14593" max="14612" width="3.83203125" style="2" customWidth="1"/>
    <col min="14613" max="14847" width="4.25" style="2"/>
    <col min="14848" max="14848" width="8.25" style="2" customWidth="1"/>
    <col min="14849" max="14868" width="3.83203125" style="2" customWidth="1"/>
    <col min="14869" max="15103" width="4.25" style="2"/>
    <col min="15104" max="15104" width="8.25" style="2" customWidth="1"/>
    <col min="15105" max="15124" width="3.83203125" style="2" customWidth="1"/>
    <col min="15125" max="15359" width="4.25" style="2"/>
    <col min="15360" max="15360" width="8.25" style="2" customWidth="1"/>
    <col min="15361" max="15380" width="3.83203125" style="2" customWidth="1"/>
    <col min="15381" max="15615" width="4.25" style="2"/>
    <col min="15616" max="15616" width="8.25" style="2" customWidth="1"/>
    <col min="15617" max="15636" width="3.83203125" style="2" customWidth="1"/>
    <col min="15637" max="15871" width="4.25" style="2"/>
    <col min="15872" max="15872" width="8.25" style="2" customWidth="1"/>
    <col min="15873" max="15892" width="3.83203125" style="2" customWidth="1"/>
    <col min="15893" max="16127" width="4.25" style="2"/>
    <col min="16128" max="16128" width="8.25" style="2" customWidth="1"/>
    <col min="16129" max="16148" width="3.83203125" style="2" customWidth="1"/>
    <col min="16149" max="16384" width="4.25" style="2"/>
  </cols>
  <sheetData>
    <row r="1" spans="1:20" ht="12.75" customHeight="1" x14ac:dyDescent="0.55000000000000004">
      <c r="A1" s="1" t="s">
        <v>89</v>
      </c>
    </row>
    <row r="2" spans="1:20" ht="12.75" customHeight="1" x14ac:dyDescent="0.55000000000000004">
      <c r="L2" s="31" t="s">
        <v>90</v>
      </c>
    </row>
    <row r="3" spans="1:20" ht="12.75" customHeight="1" thickBot="1" x14ac:dyDescent="0.6">
      <c r="A3" s="178"/>
      <c r="B3" s="3"/>
      <c r="C3" s="3"/>
      <c r="D3" s="3"/>
      <c r="E3" s="3"/>
      <c r="F3" s="3"/>
      <c r="G3" s="3"/>
      <c r="H3" s="3"/>
      <c r="I3" s="120"/>
    </row>
    <row r="4" spans="1:20" ht="12.75" customHeight="1" thickBot="1" x14ac:dyDescent="0.6">
      <c r="A4" s="178"/>
      <c r="B4" s="3"/>
      <c r="C4" s="3"/>
      <c r="D4" s="3"/>
      <c r="E4" s="3"/>
      <c r="F4" s="3"/>
      <c r="G4" s="3"/>
      <c r="H4" s="3"/>
      <c r="I4" s="120"/>
      <c r="N4" s="179" t="s">
        <v>55</v>
      </c>
      <c r="O4" s="180"/>
      <c r="P4" s="181"/>
      <c r="Q4" s="181"/>
      <c r="R4" s="181"/>
      <c r="S4" s="181"/>
      <c r="T4" s="182"/>
    </row>
    <row r="5" spans="1:20" ht="12.75" customHeight="1" thickBot="1" x14ac:dyDescent="0.25">
      <c r="B5" s="32"/>
      <c r="C5" s="33"/>
      <c r="D5" s="33"/>
      <c r="E5" s="33"/>
      <c r="F5" s="33"/>
      <c r="G5" s="33"/>
      <c r="H5" s="33"/>
    </row>
    <row r="6" spans="1:20" ht="12.75" customHeight="1" x14ac:dyDescent="0.2">
      <c r="A6" s="4"/>
      <c r="B6" s="183" t="s">
        <v>24</v>
      </c>
      <c r="C6" s="184"/>
      <c r="D6" s="185"/>
      <c r="E6" s="186"/>
      <c r="F6" s="186"/>
      <c r="G6" s="186"/>
      <c r="H6" s="186"/>
      <c r="I6" s="186"/>
      <c r="J6" s="186"/>
      <c r="K6" s="186"/>
      <c r="L6" s="186"/>
      <c r="M6" s="186"/>
      <c r="N6" s="186"/>
      <c r="O6" s="186"/>
      <c r="P6" s="186"/>
      <c r="Q6" s="186"/>
      <c r="R6" s="187"/>
      <c r="S6" s="187"/>
      <c r="T6" s="188"/>
    </row>
    <row r="7" spans="1:20" ht="12.75" customHeight="1" x14ac:dyDescent="0.2">
      <c r="A7" s="5" t="s">
        <v>61</v>
      </c>
      <c r="B7" s="79" t="s">
        <v>33</v>
      </c>
      <c r="C7" s="114"/>
      <c r="D7" s="165"/>
      <c r="E7" s="102"/>
      <c r="F7" s="102"/>
      <c r="G7" s="102"/>
      <c r="H7" s="102"/>
      <c r="I7" s="102"/>
      <c r="J7" s="102"/>
      <c r="K7" s="102"/>
      <c r="L7" s="102"/>
      <c r="M7" s="102"/>
      <c r="N7" s="102"/>
      <c r="O7" s="102"/>
      <c r="P7" s="102"/>
      <c r="Q7" s="102"/>
      <c r="R7" s="103"/>
      <c r="S7" s="103"/>
      <c r="T7" s="166"/>
    </row>
    <row r="8" spans="1:20" ht="12.75" customHeight="1" x14ac:dyDescent="0.55000000000000004">
      <c r="A8" s="5"/>
      <c r="B8" s="154" t="s">
        <v>32</v>
      </c>
      <c r="C8" s="153"/>
      <c r="D8" s="6" t="s">
        <v>31</v>
      </c>
      <c r="E8" s="7"/>
      <c r="F8" s="7"/>
      <c r="G8" s="7"/>
      <c r="H8" s="7"/>
      <c r="I8" s="7"/>
      <c r="J8" s="7"/>
      <c r="K8" s="7"/>
      <c r="L8" s="7"/>
      <c r="M8" s="7"/>
      <c r="N8" s="7"/>
      <c r="O8" s="7"/>
      <c r="P8" s="7"/>
      <c r="Q8" s="7"/>
      <c r="R8" s="7"/>
      <c r="S8" s="7"/>
      <c r="T8" s="8"/>
    </row>
    <row r="9" spans="1:20" ht="12.75" customHeight="1" x14ac:dyDescent="0.55000000000000004">
      <c r="A9" s="5" t="s">
        <v>62</v>
      </c>
      <c r="B9" s="189"/>
      <c r="C9" s="171"/>
      <c r="D9" s="9"/>
      <c r="E9" s="10"/>
      <c r="F9" s="11" t="s">
        <v>27</v>
      </c>
      <c r="G9" s="12"/>
      <c r="H9" s="12"/>
      <c r="I9" s="190" t="s">
        <v>26</v>
      </c>
      <c r="J9" s="190"/>
      <c r="K9" s="10"/>
      <c r="L9" s="10"/>
      <c r="M9" s="10"/>
      <c r="N9" s="10"/>
      <c r="O9" s="10"/>
      <c r="P9" s="10"/>
      <c r="Q9" s="10"/>
      <c r="R9" s="10"/>
      <c r="S9" s="10"/>
      <c r="T9" s="13"/>
    </row>
    <row r="10" spans="1:20" ht="12.75" customHeight="1" x14ac:dyDescent="0.55000000000000004">
      <c r="A10" s="14"/>
      <c r="B10" s="95"/>
      <c r="C10" s="96"/>
      <c r="D10" s="15"/>
      <c r="E10" s="16"/>
      <c r="F10" s="16"/>
      <c r="G10" s="16"/>
      <c r="H10" s="16"/>
      <c r="I10" s="16"/>
      <c r="J10" s="16"/>
      <c r="K10" s="16"/>
      <c r="L10" s="16"/>
      <c r="M10" s="16"/>
      <c r="N10" s="16"/>
      <c r="O10" s="16"/>
      <c r="P10" s="16"/>
      <c r="Q10" s="16"/>
      <c r="R10" s="16"/>
      <c r="S10" s="16"/>
      <c r="T10" s="17"/>
    </row>
    <row r="11" spans="1:20" ht="12.75" customHeight="1" x14ac:dyDescent="0.2">
      <c r="A11" s="18"/>
      <c r="B11" s="79" t="s">
        <v>30</v>
      </c>
      <c r="C11" s="114"/>
      <c r="D11" s="114" t="s">
        <v>29</v>
      </c>
      <c r="E11" s="114"/>
      <c r="F11" s="162"/>
      <c r="G11" s="162"/>
      <c r="H11" s="162"/>
      <c r="I11" s="162"/>
      <c r="J11" s="163"/>
      <c r="K11" s="164" t="s">
        <v>28</v>
      </c>
      <c r="L11" s="164"/>
      <c r="M11" s="165"/>
      <c r="N11" s="102"/>
      <c r="O11" s="102"/>
      <c r="P11" s="102"/>
      <c r="Q11" s="102"/>
      <c r="R11" s="103"/>
      <c r="S11" s="103"/>
      <c r="T11" s="166"/>
    </row>
    <row r="12" spans="1:20" ht="12.75" customHeight="1" x14ac:dyDescent="0.2">
      <c r="A12" s="167" t="s">
        <v>56</v>
      </c>
      <c r="B12" s="135"/>
      <c r="C12" s="135"/>
      <c r="D12" s="135"/>
      <c r="E12" s="135"/>
      <c r="F12" s="135"/>
      <c r="G12" s="135"/>
      <c r="H12" s="135"/>
      <c r="I12" s="168"/>
      <c r="J12" s="78" t="s">
        <v>54</v>
      </c>
      <c r="K12" s="84"/>
      <c r="L12" s="84"/>
      <c r="M12" s="84"/>
      <c r="N12" s="84"/>
      <c r="O12" s="84"/>
      <c r="P12" s="84"/>
      <c r="Q12" s="84"/>
      <c r="R12" s="97"/>
      <c r="S12" s="97"/>
      <c r="T12" s="98"/>
    </row>
    <row r="13" spans="1:20" ht="13" x14ac:dyDescent="0.2">
      <c r="A13" s="169" t="s">
        <v>25</v>
      </c>
      <c r="B13" s="170"/>
      <c r="C13" s="114" t="s">
        <v>24</v>
      </c>
      <c r="D13" s="78"/>
      <c r="E13" s="19"/>
      <c r="F13" s="20"/>
      <c r="G13" s="20"/>
      <c r="H13" s="20"/>
      <c r="I13" s="21"/>
      <c r="J13" s="101" t="s">
        <v>23</v>
      </c>
      <c r="K13" s="171"/>
      <c r="L13" s="172" t="s">
        <v>22</v>
      </c>
      <c r="M13" s="173"/>
      <c r="N13" s="173"/>
      <c r="O13" s="173"/>
      <c r="P13" s="173"/>
      <c r="Q13" s="173"/>
      <c r="R13" s="103"/>
      <c r="S13" s="103"/>
      <c r="T13" s="166"/>
    </row>
    <row r="14" spans="1:20" ht="20.25" customHeight="1" x14ac:dyDescent="0.2">
      <c r="A14" s="174" t="s">
        <v>53</v>
      </c>
      <c r="B14" s="175"/>
      <c r="C14" s="114" t="s">
        <v>21</v>
      </c>
      <c r="D14" s="78"/>
      <c r="E14" s="94"/>
      <c r="F14" s="176"/>
      <c r="G14" s="176"/>
      <c r="H14" s="176"/>
      <c r="I14" s="177"/>
      <c r="J14" s="94"/>
      <c r="K14" s="95"/>
      <c r="L14" s="22"/>
      <c r="M14" s="23"/>
      <c r="N14" s="23"/>
      <c r="O14" s="23"/>
      <c r="P14" s="23"/>
      <c r="Q14" s="23"/>
      <c r="R14" s="23"/>
      <c r="S14" s="23"/>
      <c r="T14" s="24"/>
    </row>
    <row r="15" spans="1:20" ht="12.75" customHeight="1" x14ac:dyDescent="0.55000000000000004">
      <c r="A15" s="158" t="s">
        <v>20</v>
      </c>
      <c r="B15" s="154"/>
      <c r="C15" s="154"/>
      <c r="D15" s="154"/>
      <c r="E15" s="153"/>
      <c r="F15" s="114" t="s">
        <v>63</v>
      </c>
      <c r="G15" s="114"/>
      <c r="H15" s="114"/>
      <c r="I15" s="134" t="s">
        <v>52</v>
      </c>
      <c r="J15" s="135"/>
      <c r="K15" s="136"/>
      <c r="L15" s="114" t="s">
        <v>51</v>
      </c>
      <c r="M15" s="114"/>
      <c r="N15" s="114"/>
      <c r="O15" s="114" t="s">
        <v>50</v>
      </c>
      <c r="P15" s="114"/>
      <c r="Q15" s="78"/>
      <c r="R15" s="160" t="s">
        <v>64</v>
      </c>
      <c r="S15" s="160"/>
      <c r="T15" s="161"/>
    </row>
    <row r="16" spans="1:20" ht="12.75" customHeight="1" x14ac:dyDescent="0.55000000000000004">
      <c r="A16" s="159"/>
      <c r="B16" s="95"/>
      <c r="C16" s="95"/>
      <c r="D16" s="95"/>
      <c r="E16" s="96"/>
      <c r="F16" s="25" t="s">
        <v>18</v>
      </c>
      <c r="G16" s="78" t="s">
        <v>57</v>
      </c>
      <c r="H16" s="79"/>
      <c r="I16" s="26" t="s">
        <v>18</v>
      </c>
      <c r="J16" s="78" t="s">
        <v>57</v>
      </c>
      <c r="K16" s="79"/>
      <c r="L16" s="26" t="s">
        <v>18</v>
      </c>
      <c r="M16" s="78" t="s">
        <v>57</v>
      </c>
      <c r="N16" s="79"/>
      <c r="O16" s="26" t="s">
        <v>18</v>
      </c>
      <c r="P16" s="78" t="s">
        <v>57</v>
      </c>
      <c r="Q16" s="84"/>
      <c r="R16" s="26" t="s">
        <v>18</v>
      </c>
      <c r="S16" s="78" t="s">
        <v>57</v>
      </c>
      <c r="T16" s="157"/>
    </row>
    <row r="17" spans="1:20" ht="12.75" customHeight="1" x14ac:dyDescent="0.55000000000000004">
      <c r="A17" s="27"/>
      <c r="B17" s="152" t="s">
        <v>17</v>
      </c>
      <c r="C17" s="153"/>
      <c r="D17" s="134" t="s">
        <v>16</v>
      </c>
      <c r="E17" s="136"/>
      <c r="F17" s="26"/>
      <c r="G17" s="78"/>
      <c r="H17" s="79"/>
      <c r="I17" s="26"/>
      <c r="J17" s="78"/>
      <c r="K17" s="79"/>
      <c r="L17" s="26"/>
      <c r="M17" s="78"/>
      <c r="N17" s="79"/>
      <c r="O17" s="26"/>
      <c r="P17" s="78"/>
      <c r="Q17" s="84"/>
      <c r="R17" s="26"/>
      <c r="S17" s="78"/>
      <c r="T17" s="157"/>
    </row>
    <row r="18" spans="1:20" ht="12.75" customHeight="1" x14ac:dyDescent="0.55000000000000004">
      <c r="A18" s="27"/>
      <c r="B18" s="94"/>
      <c r="C18" s="96"/>
      <c r="D18" s="134" t="s">
        <v>15</v>
      </c>
      <c r="E18" s="136"/>
      <c r="F18" s="26"/>
      <c r="G18" s="78"/>
      <c r="H18" s="79"/>
      <c r="I18" s="26"/>
      <c r="J18" s="78"/>
      <c r="K18" s="79"/>
      <c r="L18" s="26"/>
      <c r="M18" s="78"/>
      <c r="N18" s="79"/>
      <c r="O18" s="26"/>
      <c r="P18" s="78"/>
      <c r="Q18" s="84"/>
      <c r="R18" s="26"/>
      <c r="S18" s="78"/>
      <c r="T18" s="157"/>
    </row>
    <row r="19" spans="1:20" ht="12.75" customHeight="1" x14ac:dyDescent="0.55000000000000004">
      <c r="A19" s="27"/>
      <c r="B19" s="134" t="s">
        <v>14</v>
      </c>
      <c r="C19" s="135"/>
      <c r="D19" s="135"/>
      <c r="E19" s="136"/>
      <c r="F19" s="78"/>
      <c r="G19" s="84"/>
      <c r="H19" s="79"/>
      <c r="I19" s="78"/>
      <c r="J19" s="84"/>
      <c r="K19" s="79"/>
      <c r="L19" s="78"/>
      <c r="M19" s="84"/>
      <c r="N19" s="79"/>
      <c r="O19" s="78"/>
      <c r="P19" s="84"/>
      <c r="Q19" s="84"/>
      <c r="R19" s="78"/>
      <c r="S19" s="84"/>
      <c r="T19" s="157"/>
    </row>
    <row r="20" spans="1:20" ht="12.75" customHeight="1" x14ac:dyDescent="0.55000000000000004">
      <c r="A20" s="27"/>
      <c r="B20" s="134" t="s">
        <v>13</v>
      </c>
      <c r="C20" s="135"/>
      <c r="D20" s="135"/>
      <c r="E20" s="136"/>
      <c r="F20" s="111"/>
      <c r="G20" s="112"/>
      <c r="H20" s="155"/>
      <c r="I20" s="111"/>
      <c r="J20" s="112"/>
      <c r="K20" s="155"/>
      <c r="L20" s="111"/>
      <c r="M20" s="112"/>
      <c r="N20" s="155"/>
      <c r="O20" s="111"/>
      <c r="P20" s="112"/>
      <c r="Q20" s="112"/>
      <c r="R20" s="111"/>
      <c r="S20" s="112"/>
      <c r="T20" s="156"/>
    </row>
    <row r="21" spans="1:20" ht="12.75" customHeight="1" x14ac:dyDescent="0.55000000000000004">
      <c r="A21" s="27"/>
      <c r="B21" s="154"/>
      <c r="C21" s="154"/>
      <c r="D21" s="154"/>
      <c r="E21" s="153"/>
      <c r="F21" s="114" t="s">
        <v>49</v>
      </c>
      <c r="G21" s="114"/>
      <c r="H21" s="114"/>
      <c r="I21" s="78" t="s">
        <v>48</v>
      </c>
      <c r="J21" s="84"/>
      <c r="K21" s="79"/>
      <c r="L21" s="134" t="s">
        <v>65</v>
      </c>
      <c r="M21" s="135"/>
      <c r="N21" s="136"/>
      <c r="O21" s="78" t="s">
        <v>19</v>
      </c>
      <c r="P21" s="84"/>
      <c r="Q21" s="84"/>
      <c r="R21" s="34"/>
      <c r="T21" s="35"/>
    </row>
    <row r="22" spans="1:20" ht="12.75" customHeight="1" x14ac:dyDescent="0.55000000000000004">
      <c r="A22" s="27"/>
      <c r="B22" s="95"/>
      <c r="C22" s="95"/>
      <c r="D22" s="95"/>
      <c r="E22" s="96"/>
      <c r="F22" s="25" t="s">
        <v>18</v>
      </c>
      <c r="G22" s="78" t="s">
        <v>57</v>
      </c>
      <c r="H22" s="79"/>
      <c r="I22" s="26" t="s">
        <v>18</v>
      </c>
      <c r="J22" s="78" t="s">
        <v>57</v>
      </c>
      <c r="K22" s="79"/>
      <c r="L22" s="26" t="s">
        <v>18</v>
      </c>
      <c r="M22" s="78" t="s">
        <v>57</v>
      </c>
      <c r="N22" s="79"/>
      <c r="O22" s="26" t="s">
        <v>18</v>
      </c>
      <c r="P22" s="78" t="s">
        <v>57</v>
      </c>
      <c r="Q22" s="84"/>
      <c r="R22" s="34"/>
      <c r="T22" s="35"/>
    </row>
    <row r="23" spans="1:20" ht="12.75" customHeight="1" x14ac:dyDescent="0.55000000000000004">
      <c r="A23" s="27"/>
      <c r="B23" s="152" t="s">
        <v>17</v>
      </c>
      <c r="C23" s="153"/>
      <c r="D23" s="134" t="s">
        <v>16</v>
      </c>
      <c r="E23" s="136"/>
      <c r="F23" s="26"/>
      <c r="G23" s="78"/>
      <c r="H23" s="79"/>
      <c r="I23" s="26"/>
      <c r="J23" s="78"/>
      <c r="K23" s="79"/>
      <c r="L23" s="26"/>
      <c r="M23" s="78"/>
      <c r="N23" s="79"/>
      <c r="O23" s="26"/>
      <c r="P23" s="78"/>
      <c r="Q23" s="84"/>
      <c r="R23" s="34"/>
      <c r="T23" s="35"/>
    </row>
    <row r="24" spans="1:20" ht="12.75" customHeight="1" x14ac:dyDescent="0.55000000000000004">
      <c r="A24" s="27"/>
      <c r="B24" s="94"/>
      <c r="C24" s="96"/>
      <c r="D24" s="134" t="s">
        <v>15</v>
      </c>
      <c r="E24" s="136"/>
      <c r="F24" s="26"/>
      <c r="G24" s="78"/>
      <c r="H24" s="79"/>
      <c r="I24" s="26"/>
      <c r="J24" s="78"/>
      <c r="K24" s="79"/>
      <c r="L24" s="26"/>
      <c r="M24" s="78"/>
      <c r="N24" s="79"/>
      <c r="O24" s="26"/>
      <c r="P24" s="78"/>
      <c r="Q24" s="84"/>
      <c r="R24" s="34"/>
      <c r="T24" s="35"/>
    </row>
    <row r="25" spans="1:20" ht="12.75" customHeight="1" x14ac:dyDescent="0.55000000000000004">
      <c r="A25" s="27"/>
      <c r="B25" s="134" t="s">
        <v>14</v>
      </c>
      <c r="C25" s="135"/>
      <c r="D25" s="135"/>
      <c r="E25" s="136"/>
      <c r="F25" s="78"/>
      <c r="G25" s="84"/>
      <c r="H25" s="79"/>
      <c r="I25" s="78"/>
      <c r="J25" s="84"/>
      <c r="K25" s="79"/>
      <c r="L25" s="78"/>
      <c r="M25" s="84"/>
      <c r="N25" s="79"/>
      <c r="O25" s="114"/>
      <c r="P25" s="114"/>
      <c r="Q25" s="78"/>
      <c r="R25" s="34"/>
      <c r="T25" s="35"/>
    </row>
    <row r="26" spans="1:20" ht="12.75" customHeight="1" x14ac:dyDescent="0.55000000000000004">
      <c r="A26" s="27"/>
      <c r="B26" s="134" t="s">
        <v>13</v>
      </c>
      <c r="C26" s="135"/>
      <c r="D26" s="135"/>
      <c r="E26" s="136"/>
      <c r="F26" s="137"/>
      <c r="G26" s="138"/>
      <c r="H26" s="139"/>
      <c r="I26" s="137"/>
      <c r="J26" s="138"/>
      <c r="K26" s="139"/>
      <c r="L26" s="137"/>
      <c r="M26" s="138"/>
      <c r="N26" s="139"/>
      <c r="O26" s="140"/>
      <c r="P26" s="140"/>
      <c r="Q26" s="137"/>
      <c r="R26" s="34"/>
      <c r="T26" s="35"/>
    </row>
    <row r="27" spans="1:20" s="37" customFormat="1" ht="13.5" customHeight="1" x14ac:dyDescent="0.55000000000000004">
      <c r="A27" s="36"/>
      <c r="B27" s="141" t="s">
        <v>66</v>
      </c>
      <c r="C27" s="142"/>
      <c r="D27" s="142"/>
      <c r="E27" s="143"/>
      <c r="F27" s="131" t="s">
        <v>67</v>
      </c>
      <c r="G27" s="76"/>
      <c r="H27" s="76"/>
      <c r="I27" s="76"/>
      <c r="J27" s="76"/>
      <c r="K27" s="76"/>
      <c r="L27" s="76"/>
      <c r="M27" s="76"/>
      <c r="N27" s="76"/>
      <c r="O27" s="76"/>
      <c r="P27" s="76"/>
      <c r="Q27" s="76"/>
      <c r="R27" s="76"/>
      <c r="S27" s="76"/>
      <c r="T27" s="149"/>
    </row>
    <row r="28" spans="1:20" s="37" customFormat="1" ht="13.5" customHeight="1" x14ac:dyDescent="0.55000000000000004">
      <c r="A28" s="36"/>
      <c r="B28" s="144"/>
      <c r="C28" s="103"/>
      <c r="D28" s="103"/>
      <c r="E28" s="145"/>
      <c r="F28" s="38" t="s">
        <v>68</v>
      </c>
      <c r="G28" s="39"/>
      <c r="H28" s="39"/>
      <c r="I28" s="150" t="s">
        <v>69</v>
      </c>
      <c r="J28" s="150"/>
      <c r="K28" s="150"/>
      <c r="L28" s="150"/>
      <c r="M28" s="150" t="s">
        <v>70</v>
      </c>
      <c r="N28" s="150"/>
      <c r="O28" s="150"/>
      <c r="P28" s="150"/>
      <c r="Q28" s="150" t="s">
        <v>71</v>
      </c>
      <c r="R28" s="150"/>
      <c r="S28" s="150"/>
      <c r="T28" s="151"/>
    </row>
    <row r="29" spans="1:20" s="37" customFormat="1" ht="13.5" customHeight="1" x14ac:dyDescent="0.2">
      <c r="A29" s="36"/>
      <c r="B29" s="144"/>
      <c r="C29" s="103"/>
      <c r="D29" s="103"/>
      <c r="E29" s="145"/>
      <c r="F29" s="38" t="s">
        <v>72</v>
      </c>
      <c r="G29" s="39"/>
      <c r="H29" s="39"/>
      <c r="I29" s="131"/>
      <c r="J29" s="132"/>
      <c r="K29" s="132"/>
      <c r="L29" s="133"/>
      <c r="M29" s="131"/>
      <c r="N29" s="132"/>
      <c r="O29" s="132"/>
      <c r="P29" s="133"/>
      <c r="Q29" s="131"/>
      <c r="R29" s="97"/>
      <c r="S29" s="97"/>
      <c r="T29" s="98"/>
    </row>
    <row r="30" spans="1:20" s="37" customFormat="1" ht="13.5" customHeight="1" x14ac:dyDescent="0.2">
      <c r="A30" s="36"/>
      <c r="B30" s="144"/>
      <c r="C30" s="103"/>
      <c r="D30" s="103"/>
      <c r="E30" s="145"/>
      <c r="F30" s="38" t="s">
        <v>73</v>
      </c>
      <c r="G30" s="39"/>
      <c r="H30" s="39"/>
      <c r="I30" s="131"/>
      <c r="J30" s="132"/>
      <c r="K30" s="132"/>
      <c r="L30" s="133"/>
      <c r="M30" s="131"/>
      <c r="N30" s="132"/>
      <c r="O30" s="132"/>
      <c r="P30" s="133"/>
      <c r="Q30" s="131"/>
      <c r="R30" s="97"/>
      <c r="S30" s="97"/>
      <c r="T30" s="98"/>
    </row>
    <row r="31" spans="1:20" s="37" customFormat="1" ht="13.5" customHeight="1" x14ac:dyDescent="0.2">
      <c r="A31" s="40"/>
      <c r="B31" s="146"/>
      <c r="C31" s="147"/>
      <c r="D31" s="147"/>
      <c r="E31" s="148"/>
      <c r="F31" s="38" t="s">
        <v>74</v>
      </c>
      <c r="G31" s="39"/>
      <c r="H31" s="39"/>
      <c r="I31" s="131"/>
      <c r="J31" s="132"/>
      <c r="K31" s="132"/>
      <c r="L31" s="133"/>
      <c r="M31" s="131"/>
      <c r="N31" s="132"/>
      <c r="O31" s="132"/>
      <c r="P31" s="133"/>
      <c r="Q31" s="131"/>
      <c r="R31" s="97"/>
      <c r="S31" s="97"/>
      <c r="T31" s="98"/>
    </row>
    <row r="32" spans="1:20" ht="12.75" customHeight="1" x14ac:dyDescent="0.55000000000000004">
      <c r="A32" s="113" t="s">
        <v>12</v>
      </c>
      <c r="B32" s="114"/>
      <c r="C32" s="114"/>
      <c r="D32" s="114"/>
      <c r="E32" s="114"/>
      <c r="F32" s="78"/>
      <c r="G32" s="84"/>
      <c r="H32" s="84"/>
      <c r="I32" s="84"/>
      <c r="J32" s="84"/>
      <c r="K32" s="84"/>
      <c r="L32" s="84"/>
      <c r="M32" s="84"/>
      <c r="N32" s="84"/>
      <c r="O32" s="84"/>
      <c r="P32" s="84"/>
      <c r="Q32" s="84"/>
      <c r="R32" s="82"/>
      <c r="S32" s="82"/>
      <c r="T32" s="85"/>
    </row>
    <row r="33" spans="1:21" ht="12.75" customHeight="1" x14ac:dyDescent="0.55000000000000004">
      <c r="A33" s="113"/>
      <c r="B33" s="92" t="s">
        <v>11</v>
      </c>
      <c r="C33" s="92"/>
      <c r="D33" s="92"/>
      <c r="E33" s="92"/>
      <c r="F33" s="104" t="s">
        <v>75</v>
      </c>
      <c r="G33" s="105"/>
      <c r="H33" s="105"/>
      <c r="I33" s="105"/>
      <c r="J33" s="105"/>
      <c r="K33" s="105"/>
      <c r="L33" s="105"/>
      <c r="M33" s="105"/>
      <c r="N33" s="105"/>
      <c r="O33" s="105"/>
      <c r="P33" s="105"/>
      <c r="Q33" s="105"/>
      <c r="R33" s="82"/>
      <c r="S33" s="82"/>
      <c r="T33" s="85"/>
    </row>
    <row r="34" spans="1:21" ht="12.75" customHeight="1" x14ac:dyDescent="0.55000000000000004">
      <c r="A34" s="113"/>
      <c r="B34" s="92" t="s">
        <v>10</v>
      </c>
      <c r="C34" s="92"/>
      <c r="D34" s="92"/>
      <c r="E34" s="92"/>
      <c r="F34" s="104" t="s">
        <v>76</v>
      </c>
      <c r="G34" s="105"/>
      <c r="H34" s="105"/>
      <c r="I34" s="105"/>
      <c r="J34" s="105"/>
      <c r="K34" s="105"/>
      <c r="L34" s="105"/>
      <c r="M34" s="105"/>
      <c r="N34" s="105"/>
      <c r="O34" s="105"/>
      <c r="P34" s="105"/>
      <c r="Q34" s="105"/>
      <c r="R34" s="82"/>
      <c r="S34" s="82"/>
      <c r="T34" s="85"/>
    </row>
    <row r="35" spans="1:21" ht="12.75" customHeight="1" x14ac:dyDescent="0.55000000000000004">
      <c r="A35" s="113"/>
      <c r="B35" s="116" t="s">
        <v>47</v>
      </c>
      <c r="C35" s="117"/>
      <c r="D35" s="117"/>
      <c r="E35" s="118"/>
      <c r="F35" s="125" t="s">
        <v>46</v>
      </c>
      <c r="G35" s="126"/>
      <c r="H35" s="127" t="s">
        <v>45</v>
      </c>
      <c r="I35" s="127"/>
      <c r="J35" s="127"/>
      <c r="K35" s="127"/>
      <c r="L35" s="127"/>
      <c r="M35" s="127"/>
      <c r="N35" s="127"/>
      <c r="O35" s="127"/>
      <c r="P35" s="127"/>
      <c r="Q35" s="128"/>
      <c r="R35" s="41"/>
      <c r="S35" s="42"/>
      <c r="T35" s="43"/>
    </row>
    <row r="36" spans="1:21" ht="12.75" customHeight="1" x14ac:dyDescent="0.55000000000000004">
      <c r="A36" s="113"/>
      <c r="B36" s="119"/>
      <c r="C36" s="120"/>
      <c r="D36" s="120"/>
      <c r="E36" s="121"/>
      <c r="F36" s="125"/>
      <c r="G36" s="126"/>
      <c r="H36" s="129" t="s">
        <v>44</v>
      </c>
      <c r="I36" s="129"/>
      <c r="J36" s="129" t="s">
        <v>43</v>
      </c>
      <c r="K36" s="129"/>
      <c r="L36" s="129" t="s">
        <v>42</v>
      </c>
      <c r="M36" s="129"/>
      <c r="N36" s="129" t="s">
        <v>41</v>
      </c>
      <c r="O36" s="129"/>
      <c r="P36" s="129" t="s">
        <v>40</v>
      </c>
      <c r="Q36" s="130"/>
      <c r="R36" s="34"/>
      <c r="T36" s="35"/>
    </row>
    <row r="37" spans="1:21" ht="12.75" customHeight="1" x14ac:dyDescent="0.55000000000000004">
      <c r="A37" s="113"/>
      <c r="B37" s="119"/>
      <c r="C37" s="120"/>
      <c r="D37" s="120"/>
      <c r="E37" s="121"/>
      <c r="F37" s="110"/>
      <c r="G37" s="110"/>
      <c r="H37" s="110"/>
      <c r="I37" s="110"/>
      <c r="J37" s="110"/>
      <c r="K37" s="110"/>
      <c r="L37" s="110"/>
      <c r="M37" s="110"/>
      <c r="N37" s="110"/>
      <c r="O37" s="110"/>
      <c r="P37" s="110"/>
      <c r="Q37" s="107"/>
      <c r="R37" s="34"/>
      <c r="T37" s="35"/>
    </row>
    <row r="38" spans="1:21" ht="12.75" customHeight="1" x14ac:dyDescent="0.55000000000000004">
      <c r="A38" s="113"/>
      <c r="B38" s="119"/>
      <c r="C38" s="120"/>
      <c r="D38" s="120"/>
      <c r="E38" s="121"/>
      <c r="F38" s="110" t="s">
        <v>77</v>
      </c>
      <c r="G38" s="110"/>
      <c r="H38" s="110" t="s">
        <v>78</v>
      </c>
      <c r="I38" s="107"/>
      <c r="J38" s="115" t="s">
        <v>79</v>
      </c>
      <c r="K38" s="115"/>
      <c r="L38" s="44"/>
      <c r="M38" s="44"/>
      <c r="N38" s="44"/>
      <c r="O38" s="44"/>
      <c r="P38" s="44"/>
      <c r="Q38" s="44"/>
      <c r="R38" s="45"/>
      <c r="S38" s="45"/>
      <c r="T38" s="46"/>
      <c r="U38" s="45"/>
    </row>
    <row r="39" spans="1:21" ht="12.75" customHeight="1" x14ac:dyDescent="0.55000000000000004">
      <c r="A39" s="113"/>
      <c r="B39" s="119"/>
      <c r="C39" s="120"/>
      <c r="D39" s="120"/>
      <c r="E39" s="121"/>
      <c r="F39" s="110"/>
      <c r="G39" s="110"/>
      <c r="H39" s="110"/>
      <c r="I39" s="107"/>
      <c r="J39" s="115"/>
      <c r="K39" s="115"/>
      <c r="L39" s="45"/>
      <c r="M39" s="45"/>
      <c r="N39" s="45"/>
      <c r="O39" s="45"/>
      <c r="P39" s="45"/>
      <c r="Q39" s="45"/>
      <c r="R39" s="45"/>
      <c r="S39" s="45"/>
      <c r="T39" s="46"/>
      <c r="U39" s="45"/>
    </row>
    <row r="40" spans="1:21" ht="12.75" customHeight="1" x14ac:dyDescent="0.55000000000000004">
      <c r="A40" s="113"/>
      <c r="B40" s="122"/>
      <c r="C40" s="123"/>
      <c r="D40" s="123"/>
      <c r="E40" s="124"/>
      <c r="F40" s="107"/>
      <c r="G40" s="108"/>
      <c r="H40" s="107"/>
      <c r="I40" s="109"/>
      <c r="J40" s="110"/>
      <c r="K40" s="110"/>
      <c r="L40" s="47"/>
      <c r="M40" s="47"/>
      <c r="N40" s="47"/>
      <c r="O40" s="47"/>
      <c r="P40" s="47"/>
      <c r="Q40" s="47"/>
      <c r="R40" s="47"/>
      <c r="S40" s="47"/>
      <c r="T40" s="48"/>
      <c r="U40" s="45"/>
    </row>
    <row r="41" spans="1:21" ht="12.75" customHeight="1" x14ac:dyDescent="0.55000000000000004">
      <c r="A41" s="113"/>
      <c r="B41" s="104" t="s">
        <v>39</v>
      </c>
      <c r="C41" s="105"/>
      <c r="D41" s="105"/>
      <c r="E41" s="106"/>
      <c r="F41" s="78" t="s">
        <v>80</v>
      </c>
      <c r="G41" s="84"/>
      <c r="H41" s="84"/>
      <c r="I41" s="84"/>
      <c r="J41" s="84"/>
      <c r="K41" s="84"/>
      <c r="L41" s="84"/>
      <c r="M41" s="84"/>
      <c r="N41" s="84"/>
      <c r="O41" s="84"/>
      <c r="P41" s="84"/>
      <c r="Q41" s="84"/>
      <c r="R41" s="82"/>
      <c r="S41" s="82"/>
      <c r="T41" s="85"/>
    </row>
    <row r="42" spans="1:21" ht="12.75" customHeight="1" x14ac:dyDescent="0.55000000000000004">
      <c r="A42" s="113"/>
      <c r="B42" s="92" t="s">
        <v>38</v>
      </c>
      <c r="C42" s="92"/>
      <c r="D42" s="92"/>
      <c r="E42" s="92"/>
      <c r="F42" s="111"/>
      <c r="G42" s="112"/>
      <c r="H42" s="112"/>
      <c r="I42" s="112"/>
      <c r="J42" s="112"/>
      <c r="K42" s="112"/>
      <c r="L42" s="112"/>
      <c r="M42" s="112"/>
      <c r="N42" s="112"/>
      <c r="O42" s="112"/>
      <c r="P42" s="112"/>
      <c r="Q42" s="112"/>
      <c r="R42" s="82"/>
      <c r="S42" s="82"/>
      <c r="T42" s="85"/>
    </row>
    <row r="43" spans="1:21" ht="12.75" customHeight="1" x14ac:dyDescent="0.55000000000000004">
      <c r="A43" s="113"/>
      <c r="B43" s="104" t="s">
        <v>34</v>
      </c>
      <c r="C43" s="105"/>
      <c r="D43" s="105"/>
      <c r="E43" s="106"/>
      <c r="F43" s="78" t="s">
        <v>81</v>
      </c>
      <c r="G43" s="84"/>
      <c r="H43" s="84"/>
      <c r="I43" s="84"/>
      <c r="J43" s="84"/>
      <c r="K43" s="84"/>
      <c r="L43" s="84"/>
      <c r="M43" s="84"/>
      <c r="N43" s="84"/>
      <c r="O43" s="84"/>
      <c r="P43" s="84"/>
      <c r="Q43" s="84"/>
      <c r="R43" s="82"/>
      <c r="S43" s="82"/>
      <c r="T43" s="85"/>
    </row>
    <row r="44" spans="1:21" ht="12.75" customHeight="1" x14ac:dyDescent="0.55000000000000004">
      <c r="A44" s="113"/>
      <c r="B44" s="92" t="s">
        <v>9</v>
      </c>
      <c r="C44" s="92"/>
      <c r="D44" s="92"/>
      <c r="E44" s="92"/>
      <c r="F44" s="78"/>
      <c r="G44" s="84"/>
      <c r="H44" s="84"/>
      <c r="I44" s="84"/>
      <c r="J44" s="84"/>
      <c r="K44" s="84"/>
      <c r="L44" s="84"/>
      <c r="M44" s="84"/>
      <c r="N44" s="84"/>
      <c r="O44" s="84"/>
      <c r="P44" s="84"/>
      <c r="Q44" s="84"/>
      <c r="R44" s="82"/>
      <c r="S44" s="82"/>
      <c r="T44" s="85"/>
    </row>
    <row r="45" spans="1:21" ht="12.75" customHeight="1" x14ac:dyDescent="0.55000000000000004">
      <c r="A45" s="113"/>
      <c r="B45" s="92"/>
      <c r="C45" s="92"/>
      <c r="D45" s="92"/>
      <c r="E45" s="92"/>
      <c r="F45" s="78"/>
      <c r="G45" s="84"/>
      <c r="H45" s="84"/>
      <c r="I45" s="84"/>
      <c r="J45" s="84"/>
      <c r="K45" s="84"/>
      <c r="L45" s="84"/>
      <c r="M45" s="84"/>
      <c r="N45" s="84"/>
      <c r="O45" s="84"/>
      <c r="P45" s="84"/>
      <c r="Q45" s="84"/>
      <c r="R45" s="82"/>
      <c r="S45" s="82"/>
      <c r="T45" s="85"/>
    </row>
    <row r="46" spans="1:21" ht="12.75" customHeight="1" x14ac:dyDescent="0.55000000000000004">
      <c r="A46" s="113"/>
      <c r="B46" s="92" t="s">
        <v>8</v>
      </c>
      <c r="C46" s="92"/>
      <c r="D46" s="92"/>
      <c r="E46" s="92"/>
      <c r="F46" s="78"/>
      <c r="G46" s="84"/>
      <c r="H46" s="84"/>
      <c r="I46" s="84"/>
      <c r="J46" s="84"/>
      <c r="K46" s="84"/>
      <c r="L46" s="84"/>
      <c r="M46" s="84"/>
      <c r="N46" s="84"/>
      <c r="O46" s="84"/>
      <c r="P46" s="84"/>
      <c r="Q46" s="84"/>
      <c r="R46" s="82"/>
      <c r="S46" s="82"/>
      <c r="T46" s="85"/>
    </row>
    <row r="47" spans="1:21" ht="12.75" customHeight="1" x14ac:dyDescent="0.2">
      <c r="A47" s="113"/>
      <c r="B47" s="92" t="s">
        <v>7</v>
      </c>
      <c r="C47" s="92"/>
      <c r="D47" s="92"/>
      <c r="E47" s="92"/>
      <c r="F47" s="94" t="s">
        <v>6</v>
      </c>
      <c r="G47" s="95"/>
      <c r="H47" s="95"/>
      <c r="I47" s="96"/>
      <c r="J47" s="94" t="s">
        <v>5</v>
      </c>
      <c r="K47" s="95"/>
      <c r="L47" s="95"/>
      <c r="M47" s="96"/>
      <c r="N47" s="78"/>
      <c r="O47" s="76"/>
      <c r="P47" s="76"/>
      <c r="Q47" s="76"/>
      <c r="R47" s="97"/>
      <c r="S47" s="97"/>
      <c r="T47" s="98"/>
    </row>
    <row r="48" spans="1:21" ht="12.75" customHeight="1" x14ac:dyDescent="0.2">
      <c r="A48" s="113"/>
      <c r="B48" s="93"/>
      <c r="C48" s="93"/>
      <c r="D48" s="93"/>
      <c r="E48" s="93"/>
      <c r="F48" s="78" t="s">
        <v>4</v>
      </c>
      <c r="G48" s="84"/>
      <c r="H48" s="84"/>
      <c r="I48" s="79"/>
      <c r="J48" s="99" t="s">
        <v>3</v>
      </c>
      <c r="K48" s="100"/>
      <c r="L48" s="49"/>
      <c r="M48" s="50"/>
      <c r="N48" s="51" t="s">
        <v>2</v>
      </c>
      <c r="O48" s="101"/>
      <c r="P48" s="102"/>
      <c r="Q48" s="102"/>
      <c r="R48" s="103"/>
      <c r="S48" s="103"/>
      <c r="T48" s="35"/>
    </row>
    <row r="49" spans="1:20" ht="12.75" customHeight="1" x14ac:dyDescent="0.2">
      <c r="A49" s="113"/>
      <c r="B49" s="93"/>
      <c r="C49" s="93"/>
      <c r="D49" s="93"/>
      <c r="E49" s="93"/>
      <c r="F49" s="78" t="s">
        <v>1</v>
      </c>
      <c r="G49" s="84"/>
      <c r="H49" s="84"/>
      <c r="I49" s="79"/>
      <c r="J49" s="78"/>
      <c r="K49" s="76"/>
      <c r="L49" s="76"/>
      <c r="M49" s="76"/>
      <c r="N49" s="76"/>
      <c r="O49" s="76"/>
      <c r="P49" s="76"/>
      <c r="Q49" s="76"/>
      <c r="R49" s="97"/>
      <c r="S49" s="97"/>
      <c r="T49" s="98"/>
    </row>
    <row r="50" spans="1:20" ht="12.75" customHeight="1" x14ac:dyDescent="0.55000000000000004">
      <c r="A50" s="75" t="s">
        <v>37</v>
      </c>
      <c r="B50" s="76"/>
      <c r="C50" s="76"/>
      <c r="D50" s="76"/>
      <c r="E50" s="77"/>
      <c r="F50" s="78" t="s">
        <v>36</v>
      </c>
      <c r="G50" s="79"/>
      <c r="H50" s="52"/>
      <c r="I50" s="52"/>
      <c r="J50" s="53"/>
      <c r="K50" s="54"/>
      <c r="L50" s="80" t="s">
        <v>35</v>
      </c>
      <c r="M50" s="80"/>
      <c r="N50" s="80"/>
      <c r="O50" s="55"/>
      <c r="P50" s="56"/>
      <c r="Q50" s="56"/>
      <c r="R50" s="56"/>
      <c r="S50" s="56"/>
      <c r="T50" s="57"/>
    </row>
    <row r="51" spans="1:20" ht="26.25" customHeight="1" x14ac:dyDescent="0.55000000000000004">
      <c r="A51" s="81" t="s">
        <v>58</v>
      </c>
      <c r="B51" s="82"/>
      <c r="C51" s="82"/>
      <c r="D51" s="82"/>
      <c r="E51" s="83"/>
      <c r="F51" s="78"/>
      <c r="G51" s="84"/>
      <c r="H51" s="84"/>
      <c r="I51" s="84"/>
      <c r="J51" s="84"/>
      <c r="K51" s="84"/>
      <c r="L51" s="84"/>
      <c r="M51" s="84"/>
      <c r="N51" s="84"/>
      <c r="O51" s="84"/>
      <c r="P51" s="84"/>
      <c r="Q51" s="84"/>
      <c r="R51" s="82"/>
      <c r="S51" s="82"/>
      <c r="T51" s="85"/>
    </row>
    <row r="52" spans="1:20" ht="39" customHeight="1" thickBot="1" x14ac:dyDescent="0.25">
      <c r="A52" s="86" t="s">
        <v>59</v>
      </c>
      <c r="B52" s="87"/>
      <c r="C52" s="87"/>
      <c r="D52" s="87"/>
      <c r="E52" s="87"/>
      <c r="F52" s="88" t="s">
        <v>82</v>
      </c>
      <c r="G52" s="89"/>
      <c r="H52" s="89"/>
      <c r="I52" s="89"/>
      <c r="J52" s="89"/>
      <c r="K52" s="89"/>
      <c r="L52" s="89"/>
      <c r="M52" s="89"/>
      <c r="N52" s="89"/>
      <c r="O52" s="89"/>
      <c r="P52" s="89"/>
      <c r="Q52" s="89"/>
      <c r="R52" s="90"/>
      <c r="S52" s="90"/>
      <c r="T52" s="91"/>
    </row>
    <row r="53" spans="1:20" ht="12.75" customHeight="1" x14ac:dyDescent="0.55000000000000004">
      <c r="A53" s="29" t="s">
        <v>0</v>
      </c>
    </row>
    <row r="54" spans="1:20" ht="12.75" customHeight="1" x14ac:dyDescent="0.55000000000000004">
      <c r="A54" s="72" t="s">
        <v>83</v>
      </c>
      <c r="B54" s="73"/>
      <c r="C54" s="73"/>
      <c r="D54" s="73"/>
      <c r="E54" s="73"/>
      <c r="F54" s="73"/>
      <c r="G54" s="73"/>
      <c r="H54" s="73"/>
      <c r="I54" s="73"/>
      <c r="J54" s="73"/>
      <c r="K54" s="73"/>
      <c r="L54" s="73"/>
      <c r="M54" s="73"/>
      <c r="N54" s="73"/>
      <c r="O54" s="73"/>
      <c r="P54" s="73"/>
      <c r="Q54" s="73"/>
      <c r="R54" s="73"/>
      <c r="S54" s="73"/>
      <c r="T54" s="73"/>
    </row>
    <row r="55" spans="1:20" ht="12.75" customHeight="1" x14ac:dyDescent="0.55000000000000004">
      <c r="A55" s="72" t="s">
        <v>60</v>
      </c>
      <c r="B55" s="73"/>
      <c r="C55" s="73"/>
      <c r="D55" s="73"/>
      <c r="E55" s="73"/>
      <c r="F55" s="73"/>
      <c r="G55" s="73"/>
      <c r="H55" s="73"/>
      <c r="I55" s="73"/>
      <c r="J55" s="73"/>
      <c r="K55" s="73"/>
      <c r="L55" s="73"/>
      <c r="M55" s="73"/>
      <c r="N55" s="73"/>
      <c r="O55" s="73"/>
      <c r="P55" s="73"/>
      <c r="Q55" s="73"/>
      <c r="R55" s="73"/>
      <c r="S55" s="73"/>
      <c r="T55" s="73"/>
    </row>
    <row r="56" spans="1:20" ht="12.75" customHeight="1" x14ac:dyDescent="0.55000000000000004">
      <c r="A56" s="72" t="s">
        <v>84</v>
      </c>
      <c r="B56" s="73"/>
      <c r="C56" s="73"/>
      <c r="D56" s="73"/>
      <c r="E56" s="73"/>
      <c r="F56" s="73"/>
      <c r="G56" s="73"/>
      <c r="H56" s="73"/>
      <c r="I56" s="73"/>
      <c r="J56" s="73"/>
      <c r="K56" s="73"/>
      <c r="L56" s="73"/>
      <c r="M56" s="73"/>
      <c r="N56" s="73"/>
      <c r="O56" s="73"/>
      <c r="P56" s="73"/>
      <c r="Q56" s="73"/>
      <c r="R56" s="73"/>
      <c r="S56" s="73"/>
      <c r="T56" s="73"/>
    </row>
    <row r="57" spans="1:20" s="30" customFormat="1" ht="13.5" customHeight="1" x14ac:dyDescent="0.55000000000000004">
      <c r="A57" s="72" t="s">
        <v>85</v>
      </c>
      <c r="B57" s="72"/>
      <c r="C57" s="72"/>
      <c r="D57" s="72"/>
      <c r="E57" s="72"/>
      <c r="F57" s="72"/>
      <c r="G57" s="72"/>
      <c r="H57" s="72"/>
      <c r="I57" s="72"/>
      <c r="J57" s="72"/>
      <c r="K57" s="72"/>
      <c r="L57" s="72"/>
      <c r="M57" s="72"/>
      <c r="N57" s="72"/>
      <c r="O57" s="72"/>
      <c r="P57" s="72"/>
      <c r="Q57" s="72"/>
    </row>
    <row r="58" spans="1:20" ht="12.75" customHeight="1" x14ac:dyDescent="0.55000000000000004">
      <c r="A58" s="72" t="s">
        <v>86</v>
      </c>
      <c r="B58" s="73"/>
      <c r="C58" s="73"/>
      <c r="D58" s="73"/>
      <c r="E58" s="73"/>
      <c r="F58" s="73"/>
      <c r="G58" s="73"/>
      <c r="H58" s="73"/>
      <c r="I58" s="73"/>
      <c r="J58" s="73"/>
      <c r="K58" s="73"/>
      <c r="L58" s="73"/>
      <c r="M58" s="73"/>
      <c r="N58" s="73"/>
      <c r="O58" s="73"/>
      <c r="P58" s="73"/>
      <c r="Q58" s="73"/>
      <c r="R58" s="73"/>
      <c r="S58" s="73"/>
      <c r="T58" s="73"/>
    </row>
    <row r="59" spans="1:20" ht="12.75" customHeight="1" x14ac:dyDescent="0.55000000000000004">
      <c r="A59" s="72" t="s">
        <v>87</v>
      </c>
      <c r="B59" s="73"/>
      <c r="C59" s="73"/>
      <c r="D59" s="73"/>
      <c r="E59" s="73"/>
      <c r="F59" s="73"/>
      <c r="G59" s="73"/>
      <c r="H59" s="73"/>
      <c r="I59" s="73"/>
      <c r="J59" s="73"/>
      <c r="K59" s="73"/>
      <c r="L59" s="73"/>
      <c r="M59" s="73"/>
      <c r="N59" s="73"/>
      <c r="O59" s="73"/>
      <c r="P59" s="73"/>
      <c r="Q59" s="73"/>
      <c r="R59" s="73"/>
      <c r="S59" s="73"/>
      <c r="T59" s="73"/>
    </row>
    <row r="60" spans="1:20" ht="12.75" customHeight="1" x14ac:dyDescent="0.55000000000000004">
      <c r="A60" s="72" t="s">
        <v>88</v>
      </c>
      <c r="B60" s="73"/>
      <c r="C60" s="73"/>
      <c r="D60" s="73"/>
      <c r="E60" s="73"/>
      <c r="F60" s="73"/>
      <c r="G60" s="73"/>
      <c r="H60" s="73"/>
      <c r="I60" s="73"/>
      <c r="J60" s="73"/>
      <c r="K60" s="73"/>
      <c r="L60" s="73"/>
      <c r="M60" s="73"/>
      <c r="N60" s="73"/>
      <c r="O60" s="73"/>
      <c r="P60" s="73"/>
      <c r="Q60" s="73"/>
      <c r="R60" s="73"/>
      <c r="S60" s="73"/>
      <c r="T60" s="73"/>
    </row>
    <row r="61" spans="1:20" ht="12.75" customHeight="1" x14ac:dyDescent="0.55000000000000004">
      <c r="A61" s="58"/>
      <c r="B61" s="28"/>
      <c r="C61" s="28"/>
      <c r="D61" s="28"/>
      <c r="E61" s="28"/>
      <c r="F61" s="28"/>
      <c r="G61" s="28"/>
      <c r="H61" s="28"/>
      <c r="I61" s="28"/>
      <c r="J61" s="28"/>
      <c r="K61" s="28"/>
      <c r="L61" s="28"/>
      <c r="M61" s="28"/>
      <c r="N61" s="28"/>
      <c r="O61" s="28"/>
      <c r="P61" s="28"/>
      <c r="Q61" s="28"/>
    </row>
    <row r="62" spans="1:20" ht="12.75" customHeight="1" x14ac:dyDescent="0.55000000000000004">
      <c r="A62" s="74"/>
      <c r="B62" s="74"/>
      <c r="C62" s="74"/>
    </row>
    <row r="63" spans="1:20" ht="12.75" customHeight="1" x14ac:dyDescent="0.55000000000000004">
      <c r="A63" s="74"/>
      <c r="B63" s="74"/>
      <c r="C63" s="74"/>
    </row>
    <row r="64" spans="1:20" ht="12.75" customHeight="1" x14ac:dyDescent="0.55000000000000004">
      <c r="A64" s="74"/>
      <c r="B64" s="74"/>
      <c r="C64" s="74"/>
    </row>
    <row r="65" spans="1:3" ht="12.75" customHeight="1" x14ac:dyDescent="0.55000000000000004">
      <c r="A65" s="74"/>
      <c r="B65" s="74"/>
      <c r="C65" s="74"/>
    </row>
    <row r="66" spans="1:3" ht="12.75" customHeight="1" x14ac:dyDescent="0.55000000000000004">
      <c r="A66" s="74"/>
      <c r="B66" s="74"/>
      <c r="C66" s="74"/>
    </row>
  </sheetData>
  <mergeCells count="169">
    <mergeCell ref="A3:A4"/>
    <mergeCell ref="I3:I4"/>
    <mergeCell ref="N4:O4"/>
    <mergeCell ref="P4:T4"/>
    <mergeCell ref="B6:C6"/>
    <mergeCell ref="D6:T6"/>
    <mergeCell ref="B7:C7"/>
    <mergeCell ref="D7:T7"/>
    <mergeCell ref="B8:C10"/>
    <mergeCell ref="I9:J9"/>
    <mergeCell ref="B11:C11"/>
    <mergeCell ref="D11:E11"/>
    <mergeCell ref="F11:J11"/>
    <mergeCell ref="K11:L11"/>
    <mergeCell ref="M11:T11"/>
    <mergeCell ref="A12:I12"/>
    <mergeCell ref="J12:T12"/>
    <mergeCell ref="A13:B13"/>
    <mergeCell ref="C13:D13"/>
    <mergeCell ref="J13:K14"/>
    <mergeCell ref="L13:T13"/>
    <mergeCell ref="A14:B14"/>
    <mergeCell ref="C14:D14"/>
    <mergeCell ref="E14:I14"/>
    <mergeCell ref="S16:T16"/>
    <mergeCell ref="B17:C18"/>
    <mergeCell ref="D17:E17"/>
    <mergeCell ref="G17:H17"/>
    <mergeCell ref="J17:K17"/>
    <mergeCell ref="M17:N17"/>
    <mergeCell ref="P17:Q17"/>
    <mergeCell ref="S17:T17"/>
    <mergeCell ref="D18:E18"/>
    <mergeCell ref="G18:H18"/>
    <mergeCell ref="A15:E16"/>
    <mergeCell ref="F15:H15"/>
    <mergeCell ref="I15:K15"/>
    <mergeCell ref="L15:N15"/>
    <mergeCell ref="O15:Q15"/>
    <mergeCell ref="R15:T15"/>
    <mergeCell ref="G16:H16"/>
    <mergeCell ref="J16:K16"/>
    <mergeCell ref="M16:N16"/>
    <mergeCell ref="P16:Q16"/>
    <mergeCell ref="B20:E20"/>
    <mergeCell ref="F20:H20"/>
    <mergeCell ref="I20:K20"/>
    <mergeCell ref="L20:N20"/>
    <mergeCell ref="O20:Q20"/>
    <mergeCell ref="R20:T20"/>
    <mergeCell ref="J18:K18"/>
    <mergeCell ref="M18:N18"/>
    <mergeCell ref="P18:Q18"/>
    <mergeCell ref="S18:T18"/>
    <mergeCell ref="B19:E19"/>
    <mergeCell ref="F19:H19"/>
    <mergeCell ref="I19:K19"/>
    <mergeCell ref="L19:N19"/>
    <mergeCell ref="O19:Q19"/>
    <mergeCell ref="R19:T19"/>
    <mergeCell ref="B21:E22"/>
    <mergeCell ref="F21:H21"/>
    <mergeCell ref="I21:K21"/>
    <mergeCell ref="L21:N21"/>
    <mergeCell ref="O21:Q21"/>
    <mergeCell ref="G22:H22"/>
    <mergeCell ref="J22:K22"/>
    <mergeCell ref="M22:N22"/>
    <mergeCell ref="P22:Q22"/>
    <mergeCell ref="P24:Q24"/>
    <mergeCell ref="B25:E25"/>
    <mergeCell ref="F25:H25"/>
    <mergeCell ref="I25:K25"/>
    <mergeCell ref="L25:N25"/>
    <mergeCell ref="O25:Q25"/>
    <mergeCell ref="B23:C24"/>
    <mergeCell ref="D23:E23"/>
    <mergeCell ref="G23:H23"/>
    <mergeCell ref="J23:K23"/>
    <mergeCell ref="M23:N23"/>
    <mergeCell ref="P23:Q23"/>
    <mergeCell ref="D24:E24"/>
    <mergeCell ref="G24:H24"/>
    <mergeCell ref="J24:K24"/>
    <mergeCell ref="M24:N24"/>
    <mergeCell ref="I29:L29"/>
    <mergeCell ref="M29:P29"/>
    <mergeCell ref="Q29:T29"/>
    <mergeCell ref="I30:L30"/>
    <mergeCell ref="M30:P30"/>
    <mergeCell ref="Q30:T30"/>
    <mergeCell ref="B26:E26"/>
    <mergeCell ref="F26:H26"/>
    <mergeCell ref="I26:K26"/>
    <mergeCell ref="L26:N26"/>
    <mergeCell ref="O26:Q26"/>
    <mergeCell ref="B27:E31"/>
    <mergeCell ref="F27:T27"/>
    <mergeCell ref="I28:L28"/>
    <mergeCell ref="M28:P28"/>
    <mergeCell ref="Q28:T28"/>
    <mergeCell ref="I31:L31"/>
    <mergeCell ref="M31:P31"/>
    <mergeCell ref="Q31:T31"/>
    <mergeCell ref="A32:E32"/>
    <mergeCell ref="F32:T32"/>
    <mergeCell ref="A33:A49"/>
    <mergeCell ref="B33:E33"/>
    <mergeCell ref="F33:T33"/>
    <mergeCell ref="B34:E34"/>
    <mergeCell ref="F34:T34"/>
    <mergeCell ref="J37:K37"/>
    <mergeCell ref="L37:M37"/>
    <mergeCell ref="N37:O37"/>
    <mergeCell ref="P37:Q37"/>
    <mergeCell ref="F38:G39"/>
    <mergeCell ref="H38:I39"/>
    <mergeCell ref="J38:K39"/>
    <mergeCell ref="B35:E40"/>
    <mergeCell ref="F35:G36"/>
    <mergeCell ref="H35:Q35"/>
    <mergeCell ref="H36:I36"/>
    <mergeCell ref="J36:K36"/>
    <mergeCell ref="L36:M36"/>
    <mergeCell ref="N36:O36"/>
    <mergeCell ref="P36:Q36"/>
    <mergeCell ref="F37:G37"/>
    <mergeCell ref="H37:I37"/>
    <mergeCell ref="B43:E43"/>
    <mergeCell ref="F43:T43"/>
    <mergeCell ref="B44:E45"/>
    <mergeCell ref="F44:T45"/>
    <mergeCell ref="B46:E46"/>
    <mergeCell ref="F46:T46"/>
    <mergeCell ref="F40:G40"/>
    <mergeCell ref="H40:I40"/>
    <mergeCell ref="J40:K40"/>
    <mergeCell ref="B41:E41"/>
    <mergeCell ref="F41:T41"/>
    <mergeCell ref="B42:E42"/>
    <mergeCell ref="F42:T42"/>
    <mergeCell ref="A50:E50"/>
    <mergeCell ref="F50:G50"/>
    <mergeCell ref="L50:N50"/>
    <mergeCell ref="A51:E51"/>
    <mergeCell ref="F51:T51"/>
    <mergeCell ref="A52:E52"/>
    <mergeCell ref="F52:T52"/>
    <mergeCell ref="B47:E49"/>
    <mergeCell ref="F47:I47"/>
    <mergeCell ref="J47:M47"/>
    <mergeCell ref="N47:T47"/>
    <mergeCell ref="F48:I48"/>
    <mergeCell ref="J48:K48"/>
    <mergeCell ref="O48:S48"/>
    <mergeCell ref="F49:I49"/>
    <mergeCell ref="J49:T49"/>
    <mergeCell ref="A60:T60"/>
    <mergeCell ref="A62:C62"/>
    <mergeCell ref="A63:C63"/>
    <mergeCell ref="A64:C64"/>
    <mergeCell ref="A65:C65"/>
    <mergeCell ref="A66:C66"/>
    <mergeCell ref="A54:T54"/>
    <mergeCell ref="A55:T55"/>
    <mergeCell ref="A56:T56"/>
    <mergeCell ref="A57:Q57"/>
    <mergeCell ref="A58:T58"/>
    <mergeCell ref="A59:T59"/>
  </mergeCells>
  <phoneticPr fontId="3"/>
  <printOptions horizontalCentered="1" verticalCentered="1"/>
  <pageMargins left="0.6692913385826772" right="0.19685039370078741" top="0.47244094488188981" bottom="0.27559055118110237" header="0.31496062992125984" footer="0.19685039370078741"/>
  <pageSetup paperSize="9" scale="103" orientation="portrait" blackAndWhite="1"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2FF17E-0525-4372-9F39-A68873DD4D47}">
  <sheetPr codeName="Sheet18">
    <pageSetUpPr fitToPage="1"/>
  </sheetPr>
  <dimension ref="A1:B17"/>
  <sheetViews>
    <sheetView tabSelected="1" view="pageBreakPreview" zoomScaleNormal="100" zoomScaleSheetLayoutView="100" workbookViewId="0">
      <selection activeCell="A14" sqref="A14:B14"/>
    </sheetView>
  </sheetViews>
  <sheetFormatPr defaultRowHeight="19.5" customHeight="1" x14ac:dyDescent="0.2"/>
  <cols>
    <col min="1" max="1" width="36.58203125" style="60" customWidth="1"/>
    <col min="2" max="2" width="54.58203125" style="60" customWidth="1"/>
    <col min="3" max="250" width="8.58203125" style="60"/>
    <col min="251" max="251" width="11.33203125" style="60" customWidth="1"/>
    <col min="252" max="506" width="8.58203125" style="60"/>
    <col min="507" max="507" width="11.33203125" style="60" customWidth="1"/>
    <col min="508" max="762" width="8.58203125" style="60"/>
    <col min="763" max="763" width="11.33203125" style="60" customWidth="1"/>
    <col min="764" max="1018" width="8.58203125" style="60"/>
    <col min="1019" max="1019" width="11.33203125" style="60" customWidth="1"/>
    <col min="1020" max="1274" width="8.58203125" style="60"/>
    <col min="1275" max="1275" width="11.33203125" style="60" customWidth="1"/>
    <col min="1276" max="1530" width="8.58203125" style="60"/>
    <col min="1531" max="1531" width="11.33203125" style="60" customWidth="1"/>
    <col min="1532" max="1786" width="8.58203125" style="60"/>
    <col min="1787" max="1787" width="11.33203125" style="60" customWidth="1"/>
    <col min="1788" max="2042" width="8.58203125" style="60"/>
    <col min="2043" max="2043" width="11.33203125" style="60" customWidth="1"/>
    <col min="2044" max="2298" width="8.58203125" style="60"/>
    <col min="2299" max="2299" width="11.33203125" style="60" customWidth="1"/>
    <col min="2300" max="2554" width="8.58203125" style="60"/>
    <col min="2555" max="2555" width="11.33203125" style="60" customWidth="1"/>
    <col min="2556" max="2810" width="8.58203125" style="60"/>
    <col min="2811" max="2811" width="11.33203125" style="60" customWidth="1"/>
    <col min="2812" max="3066" width="8.58203125" style="60"/>
    <col min="3067" max="3067" width="11.33203125" style="60" customWidth="1"/>
    <col min="3068" max="3322" width="8.58203125" style="60"/>
    <col min="3323" max="3323" width="11.33203125" style="60" customWidth="1"/>
    <col min="3324" max="3578" width="8.58203125" style="60"/>
    <col min="3579" max="3579" width="11.33203125" style="60" customWidth="1"/>
    <col min="3580" max="3834" width="8.58203125" style="60"/>
    <col min="3835" max="3835" width="11.33203125" style="60" customWidth="1"/>
    <col min="3836" max="4090" width="8.58203125" style="60"/>
    <col min="4091" max="4091" width="11.33203125" style="60" customWidth="1"/>
    <col min="4092" max="4346" width="8.58203125" style="60"/>
    <col min="4347" max="4347" width="11.33203125" style="60" customWidth="1"/>
    <col min="4348" max="4602" width="8.58203125" style="60"/>
    <col min="4603" max="4603" width="11.33203125" style="60" customWidth="1"/>
    <col min="4604" max="4858" width="8.58203125" style="60"/>
    <col min="4859" max="4859" width="11.33203125" style="60" customWidth="1"/>
    <col min="4860" max="5114" width="8.58203125" style="60"/>
    <col min="5115" max="5115" width="11.33203125" style="60" customWidth="1"/>
    <col min="5116" max="5370" width="8.58203125" style="60"/>
    <col min="5371" max="5371" width="11.33203125" style="60" customWidth="1"/>
    <col min="5372" max="5626" width="8.58203125" style="60"/>
    <col min="5627" max="5627" width="11.33203125" style="60" customWidth="1"/>
    <col min="5628" max="5882" width="8.58203125" style="60"/>
    <col min="5883" max="5883" width="11.33203125" style="60" customWidth="1"/>
    <col min="5884" max="6138" width="8.58203125" style="60"/>
    <col min="6139" max="6139" width="11.33203125" style="60" customWidth="1"/>
    <col min="6140" max="6394" width="8.58203125" style="60"/>
    <col min="6395" max="6395" width="11.33203125" style="60" customWidth="1"/>
    <col min="6396" max="6650" width="8.58203125" style="60"/>
    <col min="6651" max="6651" width="11.33203125" style="60" customWidth="1"/>
    <col min="6652" max="6906" width="8.58203125" style="60"/>
    <col min="6907" max="6907" width="11.33203125" style="60" customWidth="1"/>
    <col min="6908" max="7162" width="8.58203125" style="60"/>
    <col min="7163" max="7163" width="11.33203125" style="60" customWidth="1"/>
    <col min="7164" max="7418" width="8.58203125" style="60"/>
    <col min="7419" max="7419" width="11.33203125" style="60" customWidth="1"/>
    <col min="7420" max="7674" width="8.58203125" style="60"/>
    <col min="7675" max="7675" width="11.33203125" style="60" customWidth="1"/>
    <col min="7676" max="7930" width="8.58203125" style="60"/>
    <col min="7931" max="7931" width="11.33203125" style="60" customWidth="1"/>
    <col min="7932" max="8186" width="8.58203125" style="60"/>
    <col min="8187" max="8187" width="11.33203125" style="60" customWidth="1"/>
    <col min="8188" max="8442" width="8.58203125" style="60"/>
    <col min="8443" max="8443" width="11.33203125" style="60" customWidth="1"/>
    <col min="8444" max="8698" width="8.58203125" style="60"/>
    <col min="8699" max="8699" width="11.33203125" style="60" customWidth="1"/>
    <col min="8700" max="8954" width="8.58203125" style="60"/>
    <col min="8955" max="8955" width="11.33203125" style="60" customWidth="1"/>
    <col min="8956" max="9210" width="8.58203125" style="60"/>
    <col min="9211" max="9211" width="11.33203125" style="60" customWidth="1"/>
    <col min="9212" max="9466" width="8.58203125" style="60"/>
    <col min="9467" max="9467" width="11.33203125" style="60" customWidth="1"/>
    <col min="9468" max="9722" width="8.58203125" style="60"/>
    <col min="9723" max="9723" width="11.33203125" style="60" customWidth="1"/>
    <col min="9724" max="9978" width="8.58203125" style="60"/>
    <col min="9979" max="9979" width="11.33203125" style="60" customWidth="1"/>
    <col min="9980" max="10234" width="8.58203125" style="60"/>
    <col min="10235" max="10235" width="11.33203125" style="60" customWidth="1"/>
    <col min="10236" max="10490" width="8.58203125" style="60"/>
    <col min="10491" max="10491" width="11.33203125" style="60" customWidth="1"/>
    <col min="10492" max="10746" width="8.58203125" style="60"/>
    <col min="10747" max="10747" width="11.33203125" style="60" customWidth="1"/>
    <col min="10748" max="11002" width="8.58203125" style="60"/>
    <col min="11003" max="11003" width="11.33203125" style="60" customWidth="1"/>
    <col min="11004" max="11258" width="8.58203125" style="60"/>
    <col min="11259" max="11259" width="11.33203125" style="60" customWidth="1"/>
    <col min="11260" max="11514" width="8.58203125" style="60"/>
    <col min="11515" max="11515" width="11.33203125" style="60" customWidth="1"/>
    <col min="11516" max="11770" width="8.58203125" style="60"/>
    <col min="11771" max="11771" width="11.33203125" style="60" customWidth="1"/>
    <col min="11772" max="12026" width="8.58203125" style="60"/>
    <col min="12027" max="12027" width="11.33203125" style="60" customWidth="1"/>
    <col min="12028" max="12282" width="8.58203125" style="60"/>
    <col min="12283" max="12283" width="11.33203125" style="60" customWidth="1"/>
    <col min="12284" max="12538" width="8.58203125" style="60"/>
    <col min="12539" max="12539" width="11.33203125" style="60" customWidth="1"/>
    <col min="12540" max="12794" width="8.58203125" style="60"/>
    <col min="12795" max="12795" width="11.33203125" style="60" customWidth="1"/>
    <col min="12796" max="13050" width="8.58203125" style="60"/>
    <col min="13051" max="13051" width="11.33203125" style="60" customWidth="1"/>
    <col min="13052" max="13306" width="8.58203125" style="60"/>
    <col min="13307" max="13307" width="11.33203125" style="60" customWidth="1"/>
    <col min="13308" max="13562" width="8.58203125" style="60"/>
    <col min="13563" max="13563" width="11.33203125" style="60" customWidth="1"/>
    <col min="13564" max="13818" width="8.58203125" style="60"/>
    <col min="13819" max="13819" width="11.33203125" style="60" customWidth="1"/>
    <col min="13820" max="14074" width="8.58203125" style="60"/>
    <col min="14075" max="14075" width="11.33203125" style="60" customWidth="1"/>
    <col min="14076" max="14330" width="8.58203125" style="60"/>
    <col min="14331" max="14331" width="11.33203125" style="60" customWidth="1"/>
    <col min="14332" max="14586" width="8.58203125" style="60"/>
    <col min="14587" max="14587" width="11.33203125" style="60" customWidth="1"/>
    <col min="14588" max="14842" width="8.58203125" style="60"/>
    <col min="14843" max="14843" width="11.33203125" style="60" customWidth="1"/>
    <col min="14844" max="15098" width="8.58203125" style="60"/>
    <col min="15099" max="15099" width="11.33203125" style="60" customWidth="1"/>
    <col min="15100" max="15354" width="8.58203125" style="60"/>
    <col min="15355" max="15355" width="11.33203125" style="60" customWidth="1"/>
    <col min="15356" max="15610" width="8.58203125" style="60"/>
    <col min="15611" max="15611" width="11.33203125" style="60" customWidth="1"/>
    <col min="15612" max="15866" width="8.58203125" style="60"/>
    <col min="15867" max="15867" width="11.33203125" style="60" customWidth="1"/>
    <col min="15868" max="16122" width="8.58203125" style="60"/>
    <col min="16123" max="16123" width="11.33203125" style="60" customWidth="1"/>
    <col min="16124" max="16384" width="8.58203125" style="60"/>
  </cols>
  <sheetData>
    <row r="1" spans="1:2" ht="16.5" x14ac:dyDescent="0.25">
      <c r="A1" s="59" t="s">
        <v>104</v>
      </c>
      <c r="B1" s="61"/>
    </row>
    <row r="2" spans="1:2" ht="16.5" x14ac:dyDescent="0.25">
      <c r="A2" s="59"/>
      <c r="B2" s="61"/>
    </row>
    <row r="3" spans="1:2" ht="14" x14ac:dyDescent="0.2">
      <c r="A3" s="193" t="s">
        <v>97</v>
      </c>
      <c r="B3" s="193"/>
    </row>
    <row r="4" spans="1:2" ht="14" x14ac:dyDescent="0.2">
      <c r="A4" s="61"/>
      <c r="B4" s="64"/>
    </row>
    <row r="5" spans="1:2" ht="20.149999999999999" customHeight="1" x14ac:dyDescent="0.2">
      <c r="A5" s="62" t="s">
        <v>91</v>
      </c>
      <c r="B5" s="65"/>
    </row>
    <row r="6" spans="1:2" ht="20.149999999999999" customHeight="1" x14ac:dyDescent="0.2">
      <c r="A6" s="63" t="s">
        <v>96</v>
      </c>
      <c r="B6" s="65"/>
    </row>
    <row r="7" spans="1:2" ht="13" x14ac:dyDescent="0.2">
      <c r="A7" s="61"/>
      <c r="B7" s="61"/>
    </row>
    <row r="8" spans="1:2" ht="18" customHeight="1" x14ac:dyDescent="0.2">
      <c r="A8" s="194" t="s">
        <v>92</v>
      </c>
      <c r="B8" s="195"/>
    </row>
    <row r="9" spans="1:2" ht="13" x14ac:dyDescent="0.2">
      <c r="A9" s="66" t="s">
        <v>98</v>
      </c>
      <c r="B9" s="67"/>
    </row>
    <row r="10" spans="1:2" ht="108" customHeight="1" x14ac:dyDescent="0.2">
      <c r="A10" s="191"/>
      <c r="B10" s="192"/>
    </row>
    <row r="11" spans="1:2" ht="13" x14ac:dyDescent="0.2">
      <c r="A11" s="66" t="s">
        <v>93</v>
      </c>
      <c r="B11" s="67"/>
    </row>
    <row r="12" spans="1:2" ht="108" customHeight="1" x14ac:dyDescent="0.2">
      <c r="A12" s="191"/>
      <c r="B12" s="192"/>
    </row>
    <row r="13" spans="1:2" ht="13" x14ac:dyDescent="0.2">
      <c r="A13" s="66" t="s">
        <v>94</v>
      </c>
      <c r="B13" s="67"/>
    </row>
    <row r="14" spans="1:2" ht="108" customHeight="1" x14ac:dyDescent="0.2">
      <c r="A14" s="191"/>
      <c r="B14" s="192"/>
    </row>
    <row r="15" spans="1:2" ht="13" x14ac:dyDescent="0.2">
      <c r="A15" s="66" t="s">
        <v>95</v>
      </c>
      <c r="B15" s="67"/>
    </row>
    <row r="16" spans="1:2" ht="108" customHeight="1" x14ac:dyDescent="0.2">
      <c r="A16" s="191"/>
      <c r="B16" s="192"/>
    </row>
    <row r="17" spans="1:2" ht="13" x14ac:dyDescent="0.2">
      <c r="A17" s="68"/>
      <c r="B17" s="69"/>
    </row>
  </sheetData>
  <mergeCells count="6">
    <mergeCell ref="A16:B16"/>
    <mergeCell ref="A3:B3"/>
    <mergeCell ref="A8:B8"/>
    <mergeCell ref="A10:B10"/>
    <mergeCell ref="A12:B12"/>
    <mergeCell ref="A14:B14"/>
  </mergeCells>
  <phoneticPr fontId="3"/>
  <printOptions horizontalCentered="1"/>
  <pageMargins left="0.39370078740157483" right="0.39370078740157483" top="0.59055118110236227" bottom="0.39370078740157483" header="0.31496062992125984" footer="0.31496062992125984"/>
  <pageSetup paperSize="9" scale="96"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CDF13FB-3E9C-4901-B792-79096DDF367D}">
  <sheetPr>
    <pageSetUpPr fitToPage="1"/>
  </sheetPr>
  <dimension ref="A1:B17"/>
  <sheetViews>
    <sheetView view="pageBreakPreview" zoomScaleNormal="100" zoomScaleSheetLayoutView="100" workbookViewId="0"/>
  </sheetViews>
  <sheetFormatPr defaultRowHeight="19.5" customHeight="1" x14ac:dyDescent="0.2"/>
  <cols>
    <col min="1" max="1" width="36.58203125" style="60" customWidth="1"/>
    <col min="2" max="2" width="54.58203125" style="60" customWidth="1"/>
    <col min="3" max="250" width="8.6640625" style="60"/>
    <col min="251" max="251" width="11.33203125" style="60" customWidth="1"/>
    <col min="252" max="506" width="8.6640625" style="60"/>
    <col min="507" max="507" width="11.33203125" style="60" customWidth="1"/>
    <col min="508" max="762" width="8.6640625" style="60"/>
    <col min="763" max="763" width="11.33203125" style="60" customWidth="1"/>
    <col min="764" max="1018" width="8.6640625" style="60"/>
    <col min="1019" max="1019" width="11.33203125" style="60" customWidth="1"/>
    <col min="1020" max="1274" width="8.6640625" style="60"/>
    <col min="1275" max="1275" width="11.33203125" style="60" customWidth="1"/>
    <col min="1276" max="1530" width="8.6640625" style="60"/>
    <col min="1531" max="1531" width="11.33203125" style="60" customWidth="1"/>
    <col min="1532" max="1786" width="8.6640625" style="60"/>
    <col min="1787" max="1787" width="11.33203125" style="60" customWidth="1"/>
    <col min="1788" max="2042" width="8.6640625" style="60"/>
    <col min="2043" max="2043" width="11.33203125" style="60" customWidth="1"/>
    <col min="2044" max="2298" width="8.6640625" style="60"/>
    <col min="2299" max="2299" width="11.33203125" style="60" customWidth="1"/>
    <col min="2300" max="2554" width="8.6640625" style="60"/>
    <col min="2555" max="2555" width="11.33203125" style="60" customWidth="1"/>
    <col min="2556" max="2810" width="8.6640625" style="60"/>
    <col min="2811" max="2811" width="11.33203125" style="60" customWidth="1"/>
    <col min="2812" max="3066" width="8.6640625" style="60"/>
    <col min="3067" max="3067" width="11.33203125" style="60" customWidth="1"/>
    <col min="3068" max="3322" width="8.6640625" style="60"/>
    <col min="3323" max="3323" width="11.33203125" style="60" customWidth="1"/>
    <col min="3324" max="3578" width="8.6640625" style="60"/>
    <col min="3579" max="3579" width="11.33203125" style="60" customWidth="1"/>
    <col min="3580" max="3834" width="8.6640625" style="60"/>
    <col min="3835" max="3835" width="11.33203125" style="60" customWidth="1"/>
    <col min="3836" max="4090" width="8.6640625" style="60"/>
    <col min="4091" max="4091" width="11.33203125" style="60" customWidth="1"/>
    <col min="4092" max="4346" width="8.6640625" style="60"/>
    <col min="4347" max="4347" width="11.33203125" style="60" customWidth="1"/>
    <col min="4348" max="4602" width="8.6640625" style="60"/>
    <col min="4603" max="4603" width="11.33203125" style="60" customWidth="1"/>
    <col min="4604" max="4858" width="8.6640625" style="60"/>
    <col min="4859" max="4859" width="11.33203125" style="60" customWidth="1"/>
    <col min="4860" max="5114" width="8.6640625" style="60"/>
    <col min="5115" max="5115" width="11.33203125" style="60" customWidth="1"/>
    <col min="5116" max="5370" width="8.6640625" style="60"/>
    <col min="5371" max="5371" width="11.33203125" style="60" customWidth="1"/>
    <col min="5372" max="5626" width="8.6640625" style="60"/>
    <col min="5627" max="5627" width="11.33203125" style="60" customWidth="1"/>
    <col min="5628" max="5882" width="8.6640625" style="60"/>
    <col min="5883" max="5883" width="11.33203125" style="60" customWidth="1"/>
    <col min="5884" max="6138" width="8.6640625" style="60"/>
    <col min="6139" max="6139" width="11.33203125" style="60" customWidth="1"/>
    <col min="6140" max="6394" width="8.6640625" style="60"/>
    <col min="6395" max="6395" width="11.33203125" style="60" customWidth="1"/>
    <col min="6396" max="6650" width="8.6640625" style="60"/>
    <col min="6651" max="6651" width="11.33203125" style="60" customWidth="1"/>
    <col min="6652" max="6906" width="8.6640625" style="60"/>
    <col min="6907" max="6907" width="11.33203125" style="60" customWidth="1"/>
    <col min="6908" max="7162" width="8.6640625" style="60"/>
    <col min="7163" max="7163" width="11.33203125" style="60" customWidth="1"/>
    <col min="7164" max="7418" width="8.6640625" style="60"/>
    <col min="7419" max="7419" width="11.33203125" style="60" customWidth="1"/>
    <col min="7420" max="7674" width="8.6640625" style="60"/>
    <col min="7675" max="7675" width="11.33203125" style="60" customWidth="1"/>
    <col min="7676" max="7930" width="8.6640625" style="60"/>
    <col min="7931" max="7931" width="11.33203125" style="60" customWidth="1"/>
    <col min="7932" max="8186" width="8.6640625" style="60"/>
    <col min="8187" max="8187" width="11.33203125" style="60" customWidth="1"/>
    <col min="8188" max="8442" width="8.6640625" style="60"/>
    <col min="8443" max="8443" width="11.33203125" style="60" customWidth="1"/>
    <col min="8444" max="8698" width="8.6640625" style="60"/>
    <col min="8699" max="8699" width="11.33203125" style="60" customWidth="1"/>
    <col min="8700" max="8954" width="8.6640625" style="60"/>
    <col min="8955" max="8955" width="11.33203125" style="60" customWidth="1"/>
    <col min="8956" max="9210" width="8.6640625" style="60"/>
    <col min="9211" max="9211" width="11.33203125" style="60" customWidth="1"/>
    <col min="9212" max="9466" width="8.6640625" style="60"/>
    <col min="9467" max="9467" width="11.33203125" style="60" customWidth="1"/>
    <col min="9468" max="9722" width="8.6640625" style="60"/>
    <col min="9723" max="9723" width="11.33203125" style="60" customWidth="1"/>
    <col min="9724" max="9978" width="8.6640625" style="60"/>
    <col min="9979" max="9979" width="11.33203125" style="60" customWidth="1"/>
    <col min="9980" max="10234" width="8.6640625" style="60"/>
    <col min="10235" max="10235" width="11.33203125" style="60" customWidth="1"/>
    <col min="10236" max="10490" width="8.6640625" style="60"/>
    <col min="10491" max="10491" width="11.33203125" style="60" customWidth="1"/>
    <col min="10492" max="10746" width="8.6640625" style="60"/>
    <col min="10747" max="10747" width="11.33203125" style="60" customWidth="1"/>
    <col min="10748" max="11002" width="8.6640625" style="60"/>
    <col min="11003" max="11003" width="11.33203125" style="60" customWidth="1"/>
    <col min="11004" max="11258" width="8.6640625" style="60"/>
    <col min="11259" max="11259" width="11.33203125" style="60" customWidth="1"/>
    <col min="11260" max="11514" width="8.6640625" style="60"/>
    <col min="11515" max="11515" width="11.33203125" style="60" customWidth="1"/>
    <col min="11516" max="11770" width="8.6640625" style="60"/>
    <col min="11771" max="11771" width="11.33203125" style="60" customWidth="1"/>
    <col min="11772" max="12026" width="8.6640625" style="60"/>
    <col min="12027" max="12027" width="11.33203125" style="60" customWidth="1"/>
    <col min="12028" max="12282" width="8.6640625" style="60"/>
    <col min="12283" max="12283" width="11.33203125" style="60" customWidth="1"/>
    <col min="12284" max="12538" width="8.6640625" style="60"/>
    <col min="12539" max="12539" width="11.33203125" style="60" customWidth="1"/>
    <col min="12540" max="12794" width="8.6640625" style="60"/>
    <col min="12795" max="12795" width="11.33203125" style="60" customWidth="1"/>
    <col min="12796" max="13050" width="8.6640625" style="60"/>
    <col min="13051" max="13051" width="11.33203125" style="60" customWidth="1"/>
    <col min="13052" max="13306" width="8.6640625" style="60"/>
    <col min="13307" max="13307" width="11.33203125" style="60" customWidth="1"/>
    <col min="13308" max="13562" width="8.6640625" style="60"/>
    <col min="13563" max="13563" width="11.33203125" style="60" customWidth="1"/>
    <col min="13564" max="13818" width="8.6640625" style="60"/>
    <col min="13819" max="13819" width="11.33203125" style="60" customWidth="1"/>
    <col min="13820" max="14074" width="8.6640625" style="60"/>
    <col min="14075" max="14075" width="11.33203125" style="60" customWidth="1"/>
    <col min="14076" max="14330" width="8.6640625" style="60"/>
    <col min="14331" max="14331" width="11.33203125" style="60" customWidth="1"/>
    <col min="14332" max="14586" width="8.6640625" style="60"/>
    <col min="14587" max="14587" width="11.33203125" style="60" customWidth="1"/>
    <col min="14588" max="14842" width="8.6640625" style="60"/>
    <col min="14843" max="14843" width="11.33203125" style="60" customWidth="1"/>
    <col min="14844" max="15098" width="8.6640625" style="60"/>
    <col min="15099" max="15099" width="11.33203125" style="60" customWidth="1"/>
    <col min="15100" max="15354" width="8.6640625" style="60"/>
    <col min="15355" max="15355" width="11.33203125" style="60" customWidth="1"/>
    <col min="15356" max="15610" width="8.6640625" style="60"/>
    <col min="15611" max="15611" width="11.33203125" style="60" customWidth="1"/>
    <col min="15612" max="15866" width="8.6640625" style="60"/>
    <col min="15867" max="15867" width="11.33203125" style="60" customWidth="1"/>
    <col min="15868" max="16122" width="8.6640625" style="60"/>
    <col min="16123" max="16123" width="11.33203125" style="60" customWidth="1"/>
    <col min="16124" max="16384" width="8.6640625" style="60"/>
  </cols>
  <sheetData>
    <row r="1" spans="1:2" ht="16.5" x14ac:dyDescent="0.25">
      <c r="A1" s="59" t="s">
        <v>104</v>
      </c>
      <c r="B1" s="61"/>
    </row>
    <row r="2" spans="1:2" ht="16.5" x14ac:dyDescent="0.25">
      <c r="A2" s="59"/>
      <c r="B2" s="61"/>
    </row>
    <row r="3" spans="1:2" ht="14" x14ac:dyDescent="0.2">
      <c r="A3" s="193" t="s">
        <v>97</v>
      </c>
      <c r="B3" s="193"/>
    </row>
    <row r="4" spans="1:2" ht="14" x14ac:dyDescent="0.2">
      <c r="A4" s="61"/>
      <c r="B4" s="70"/>
    </row>
    <row r="5" spans="1:2" ht="20.149999999999999" customHeight="1" x14ac:dyDescent="0.2">
      <c r="A5" s="62" t="s">
        <v>91</v>
      </c>
      <c r="B5" s="71" t="s">
        <v>100</v>
      </c>
    </row>
    <row r="6" spans="1:2" ht="20.149999999999999" customHeight="1" x14ac:dyDescent="0.2">
      <c r="A6" s="63" t="s">
        <v>96</v>
      </c>
      <c r="B6" s="71" t="s">
        <v>101</v>
      </c>
    </row>
    <row r="7" spans="1:2" ht="13" x14ac:dyDescent="0.2">
      <c r="A7" s="61"/>
      <c r="B7" s="61"/>
    </row>
    <row r="8" spans="1:2" ht="18" customHeight="1" x14ac:dyDescent="0.2">
      <c r="A8" s="194" t="s">
        <v>92</v>
      </c>
      <c r="B8" s="195"/>
    </row>
    <row r="9" spans="1:2" ht="13" x14ac:dyDescent="0.2">
      <c r="A9" s="66" t="s">
        <v>98</v>
      </c>
      <c r="B9" s="67"/>
    </row>
    <row r="10" spans="1:2" ht="108" customHeight="1" x14ac:dyDescent="0.2">
      <c r="A10" s="196" t="s">
        <v>102</v>
      </c>
      <c r="B10" s="197"/>
    </row>
    <row r="11" spans="1:2" ht="13" x14ac:dyDescent="0.2">
      <c r="A11" s="66" t="s">
        <v>93</v>
      </c>
      <c r="B11" s="67"/>
    </row>
    <row r="12" spans="1:2" ht="108" customHeight="1" x14ac:dyDescent="0.2">
      <c r="A12" s="196" t="s">
        <v>103</v>
      </c>
      <c r="B12" s="197"/>
    </row>
    <row r="13" spans="1:2" ht="13" x14ac:dyDescent="0.2">
      <c r="A13" s="66" t="s">
        <v>94</v>
      </c>
      <c r="B13" s="67"/>
    </row>
    <row r="14" spans="1:2" ht="108" customHeight="1" x14ac:dyDescent="0.2">
      <c r="A14" s="191"/>
      <c r="B14" s="192"/>
    </row>
    <row r="15" spans="1:2" ht="13" x14ac:dyDescent="0.2">
      <c r="A15" s="66" t="s">
        <v>95</v>
      </c>
      <c r="B15" s="67"/>
    </row>
    <row r="16" spans="1:2" ht="108" customHeight="1" x14ac:dyDescent="0.2">
      <c r="A16" s="196" t="s">
        <v>99</v>
      </c>
      <c r="B16" s="197"/>
    </row>
    <row r="17" spans="1:2" ht="13" x14ac:dyDescent="0.2">
      <c r="A17" s="68"/>
      <c r="B17" s="69"/>
    </row>
  </sheetData>
  <mergeCells count="6">
    <mergeCell ref="A16:B16"/>
    <mergeCell ref="A3:B3"/>
    <mergeCell ref="A8:B8"/>
    <mergeCell ref="A10:B10"/>
    <mergeCell ref="A12:B12"/>
    <mergeCell ref="A14:B14"/>
  </mergeCells>
  <phoneticPr fontId="3"/>
  <printOptions horizontalCentered="1"/>
  <pageMargins left="0.39370078740157483" right="0.39370078740157483" top="0.59055118110236227" bottom="0.39370078740157483" header="0.31496062992125984" footer="0.31496062992125984"/>
  <pageSetup paperSize="9" scale="9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3</vt:i4>
      </vt:variant>
    </vt:vector>
  </HeadingPairs>
  <TitlesOfParts>
    <vt:vector size="3" baseType="lpstr">
      <vt:lpstr>付表３－２</vt:lpstr>
      <vt:lpstr>（標準様式２）苦情解決措置の概要</vt:lpstr>
      <vt:lpstr>記載例</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江田　睦子</cp:lastModifiedBy>
  <dcterms:modified xsi:type="dcterms:W3CDTF">2026-02-04T04:51:06Z</dcterms:modified>
</cp:coreProperties>
</file>